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P:\大分県登録喀痰吸引等事業者申請等実施要綱\喀痰吸引等制度について\様式集　令和4年度以降\ＨＰ用（様式記入例あり）\５　介護福祉士の実地研修について\"/>
    </mc:Choice>
  </mc:AlternateContent>
  <bookViews>
    <workbookView xWindow="-15" yWindow="-15" windowWidth="14175" windowHeight="12780"/>
  </bookViews>
  <sheets>
    <sheet name="実地研修修了後の申請書類について" sheetId="32" r:id="rId1"/>
    <sheet name="別紙様式１" sheetId="37" state="hidden" r:id="rId2"/>
    <sheet name="別紙様式２" sheetId="39" state="hidden" r:id="rId3"/>
    <sheet name="別紙様式３" sheetId="38" state="hidden" r:id="rId4"/>
  </sheets>
  <externalReferences>
    <externalReference r:id="rId5"/>
  </externalReferences>
  <definedNames>
    <definedName name="_xlnm.Print_Area" localSheetId="0">実地研修修了後の申請書類について!$A$1:$K$10</definedName>
    <definedName name="_xlnm.Print_Area" localSheetId="1">別紙様式１!$A$1:$J$27</definedName>
    <definedName name="_xlnm.Print_Area" localSheetId="2">別紙様式２!$A$1:$L$34</definedName>
    <definedName name="_xlnm.Print_Area" localSheetId="3">別紙様式３!$A$1:$K$25</definedName>
    <definedName name="実態調査計画書">[1]実態調査計画書!$A$1:$O$342</definedName>
    <definedName name="登録番号">[1]実態調査計画書!$A$2:$A$342</definedName>
  </definedNames>
  <calcPr calcId="162913"/>
</workbook>
</file>

<file path=xl/sharedStrings.xml><?xml version="1.0" encoding="utf-8"?>
<sst xmlns="http://schemas.openxmlformats.org/spreadsheetml/2006/main" count="73" uniqueCount="66">
  <si>
    <r>
      <rPr>
        <b/>
        <sz val="14"/>
        <color theme="1"/>
        <rFont val="HGPｺﾞｼｯｸM"/>
        <family val="3"/>
        <charset val="128"/>
      </rPr>
      <t>＜介護福祉士登録証への行為の付記について＞</t>
    </r>
    <r>
      <rPr>
        <sz val="14"/>
        <color theme="1"/>
        <rFont val="HGPｺﾞｼｯｸM"/>
        <family val="3"/>
        <charset val="128"/>
      </rPr>
      <t xml:space="preserve">
　平成２８年４月１日から、介護福祉士の方は「実地研修を修了した喀痰吸引等行為」の登録申請が可能になりました。介護福祉士登録証に付記された行為が登録喀痰吸引事業所にて実施可能となります。
　詳しくは申請先である社会福祉振興・試験センターホームページをご確認ください。
</t>
    </r>
    <rPh sb="1" eb="3">
      <t>カイゴ</t>
    </rPh>
    <rPh sb="3" eb="6">
      <t>フクシシ</t>
    </rPh>
    <rPh sb="6" eb="9">
      <t>トウロクショウ</t>
    </rPh>
    <rPh sb="11" eb="13">
      <t>コウイ</t>
    </rPh>
    <rPh sb="14" eb="16">
      <t>フキ</t>
    </rPh>
    <rPh sb="24" eb="26">
      <t>ヘイセイ</t>
    </rPh>
    <rPh sb="28" eb="29">
      <t>ネン</t>
    </rPh>
    <rPh sb="30" eb="31">
      <t>ガツ</t>
    </rPh>
    <rPh sb="32" eb="33">
      <t>ニチ</t>
    </rPh>
    <rPh sb="36" eb="38">
      <t>カイゴ</t>
    </rPh>
    <rPh sb="38" eb="41">
      <t>フクシシ</t>
    </rPh>
    <rPh sb="42" eb="43">
      <t>カタ</t>
    </rPh>
    <rPh sb="45" eb="47">
      <t>ジッチ</t>
    </rPh>
    <rPh sb="47" eb="49">
      <t>ケンシュウ</t>
    </rPh>
    <rPh sb="50" eb="52">
      <t>シュウリョウ</t>
    </rPh>
    <rPh sb="54" eb="56">
      <t>カクタン</t>
    </rPh>
    <rPh sb="56" eb="58">
      <t>キュウイン</t>
    </rPh>
    <rPh sb="58" eb="59">
      <t>トウ</t>
    </rPh>
    <rPh sb="59" eb="61">
      <t>コウイ</t>
    </rPh>
    <rPh sb="63" eb="65">
      <t>トウロク</t>
    </rPh>
    <rPh sb="65" eb="67">
      <t>シンセイ</t>
    </rPh>
    <rPh sb="68" eb="70">
      <t>カノウ</t>
    </rPh>
    <rPh sb="77" eb="79">
      <t>カイゴ</t>
    </rPh>
    <rPh sb="79" eb="82">
      <t>フクシシ</t>
    </rPh>
    <rPh sb="82" eb="85">
      <t>トウロクショウ</t>
    </rPh>
    <rPh sb="86" eb="88">
      <t>フキ</t>
    </rPh>
    <rPh sb="91" eb="93">
      <t>コウイ</t>
    </rPh>
    <rPh sb="94" eb="96">
      <t>トウロク</t>
    </rPh>
    <rPh sb="96" eb="100">
      <t>カクタンキュウイン</t>
    </rPh>
    <rPh sb="100" eb="103">
      <t>ジギョウショ</t>
    </rPh>
    <rPh sb="105" eb="107">
      <t>ジッシ</t>
    </rPh>
    <rPh sb="107" eb="109">
      <t>カノウ</t>
    </rPh>
    <rPh sb="117" eb="118">
      <t>クワ</t>
    </rPh>
    <rPh sb="121" eb="123">
      <t>シンセイ</t>
    </rPh>
    <rPh sb="123" eb="124">
      <t>サキ</t>
    </rPh>
    <rPh sb="127" eb="129">
      <t>シャカイ</t>
    </rPh>
    <rPh sb="129" eb="131">
      <t>フクシ</t>
    </rPh>
    <rPh sb="131" eb="133">
      <t>シンコウ</t>
    </rPh>
    <rPh sb="134" eb="136">
      <t>シケン</t>
    </rPh>
    <rPh sb="148" eb="150">
      <t>カクニン</t>
    </rPh>
    <phoneticPr fontId="5"/>
  </si>
  <si>
    <t>（別紙様式１）</t>
    <rPh sb="1" eb="3">
      <t>ベッシ</t>
    </rPh>
    <rPh sb="3" eb="5">
      <t>ヨウシキ</t>
    </rPh>
    <phoneticPr fontId="5"/>
  </si>
  <si>
    <t>住所</t>
    <rPh sb="0" eb="2">
      <t>ジュウショ</t>
    </rPh>
    <phoneticPr fontId="5"/>
  </si>
  <si>
    <t>氏名</t>
    <rPh sb="0" eb="2">
      <t>シメイ</t>
    </rPh>
    <phoneticPr fontId="5"/>
  </si>
  <si>
    <t>勤務先名</t>
    <rPh sb="0" eb="3">
      <t>キンムサキ</t>
    </rPh>
    <rPh sb="3" eb="4">
      <t>メイ</t>
    </rPh>
    <phoneticPr fontId="5"/>
  </si>
  <si>
    <t>大分県介護職員等によるたんの吸引等（特定の者対象）の実施のための
指導者養成研修（自己学習）受講申込届出書</t>
    <rPh sb="0" eb="3">
      <t>オオイタケン</t>
    </rPh>
    <rPh sb="3" eb="5">
      <t>カイゴ</t>
    </rPh>
    <rPh sb="5" eb="7">
      <t>ショクイン</t>
    </rPh>
    <rPh sb="7" eb="8">
      <t>トウ</t>
    </rPh>
    <rPh sb="14" eb="16">
      <t>キュウイン</t>
    </rPh>
    <rPh sb="16" eb="17">
      <t>トウ</t>
    </rPh>
    <rPh sb="18" eb="20">
      <t>トクテイ</t>
    </rPh>
    <rPh sb="21" eb="22">
      <t>モノ</t>
    </rPh>
    <rPh sb="22" eb="24">
      <t>タイショウ</t>
    </rPh>
    <rPh sb="26" eb="28">
      <t>ジッシ</t>
    </rPh>
    <rPh sb="33" eb="36">
      <t>シドウシャ</t>
    </rPh>
    <rPh sb="36" eb="38">
      <t>ヨウセイ</t>
    </rPh>
    <rPh sb="38" eb="40">
      <t>ケンシュウ</t>
    </rPh>
    <rPh sb="41" eb="43">
      <t>ジコ</t>
    </rPh>
    <rPh sb="43" eb="45">
      <t>ガクシュウ</t>
    </rPh>
    <rPh sb="46" eb="48">
      <t>ジュコウ</t>
    </rPh>
    <rPh sb="48" eb="50">
      <t>モウシコミ</t>
    </rPh>
    <rPh sb="50" eb="53">
      <t>トドケデショ</t>
    </rPh>
    <phoneticPr fontId="5"/>
  </si>
  <si>
    <t>　　　　　　　年　　　　　月　　　　　日</t>
    <rPh sb="7" eb="8">
      <t>ネン</t>
    </rPh>
    <rPh sb="13" eb="14">
      <t>ツキ</t>
    </rPh>
    <rPh sb="19" eb="20">
      <t>ニチ</t>
    </rPh>
    <phoneticPr fontId="5"/>
  </si>
  <si>
    <t>　私は、「介護職員等によるたんの吸引等の実施のための指導者養成事業（特定の者対象）について」（平成２３年９月１４日障発０９１４第２号厚生労働省社会・援護局障害保険福祉部長通知）に定まる指導者養成研修を受講したいので、関係書類を添えて申し込みます。
　なお、申込者調書に関する情報について、大分県が登録研修機関等に提供することに同意します。</t>
    <rPh sb="1" eb="2">
      <t>ワタシ</t>
    </rPh>
    <rPh sb="5" eb="7">
      <t>カイゴ</t>
    </rPh>
    <rPh sb="7" eb="9">
      <t>ショクイン</t>
    </rPh>
    <rPh sb="9" eb="10">
      <t>トウ</t>
    </rPh>
    <rPh sb="16" eb="18">
      <t>キュウイン</t>
    </rPh>
    <rPh sb="18" eb="19">
      <t>トウ</t>
    </rPh>
    <rPh sb="20" eb="22">
      <t>ジッシ</t>
    </rPh>
    <rPh sb="26" eb="29">
      <t>シドウシャ</t>
    </rPh>
    <rPh sb="29" eb="31">
      <t>ヨウセイ</t>
    </rPh>
    <rPh sb="31" eb="33">
      <t>ジギョウ</t>
    </rPh>
    <rPh sb="34" eb="36">
      <t>トクテイ</t>
    </rPh>
    <rPh sb="37" eb="38">
      <t>モノ</t>
    </rPh>
    <rPh sb="38" eb="40">
      <t>タイショウ</t>
    </rPh>
    <rPh sb="47" eb="49">
      <t>ヘイセイ</t>
    </rPh>
    <rPh sb="51" eb="52">
      <t>ネン</t>
    </rPh>
    <rPh sb="53" eb="54">
      <t>ガツ</t>
    </rPh>
    <rPh sb="56" eb="57">
      <t>ニチ</t>
    </rPh>
    <rPh sb="57" eb="58">
      <t>ショウ</t>
    </rPh>
    <rPh sb="58" eb="59">
      <t>ハツ</t>
    </rPh>
    <rPh sb="63" eb="64">
      <t>ダイ</t>
    </rPh>
    <rPh sb="65" eb="66">
      <t>ゴウ</t>
    </rPh>
    <rPh sb="66" eb="68">
      <t>コウセイ</t>
    </rPh>
    <rPh sb="68" eb="71">
      <t>ロウドウショウ</t>
    </rPh>
    <rPh sb="71" eb="73">
      <t>シャカイ</t>
    </rPh>
    <rPh sb="74" eb="76">
      <t>エンゴ</t>
    </rPh>
    <rPh sb="76" eb="77">
      <t>キョク</t>
    </rPh>
    <rPh sb="77" eb="79">
      <t>ショウガイ</t>
    </rPh>
    <rPh sb="79" eb="81">
      <t>ホケン</t>
    </rPh>
    <rPh sb="81" eb="84">
      <t>フクシブ</t>
    </rPh>
    <rPh sb="84" eb="85">
      <t>チョウ</t>
    </rPh>
    <rPh sb="85" eb="87">
      <t>ツウチ</t>
    </rPh>
    <rPh sb="89" eb="90">
      <t>サダ</t>
    </rPh>
    <rPh sb="92" eb="95">
      <t>シドウシャ</t>
    </rPh>
    <rPh sb="95" eb="97">
      <t>ヨウセイ</t>
    </rPh>
    <rPh sb="97" eb="99">
      <t>ケンシュウ</t>
    </rPh>
    <rPh sb="100" eb="102">
      <t>ジュコウ</t>
    </rPh>
    <rPh sb="108" eb="110">
      <t>カンケイ</t>
    </rPh>
    <rPh sb="110" eb="112">
      <t>ショルイ</t>
    </rPh>
    <rPh sb="113" eb="114">
      <t>ソ</t>
    </rPh>
    <rPh sb="116" eb="117">
      <t>モウ</t>
    </rPh>
    <rPh sb="118" eb="119">
      <t>コ</t>
    </rPh>
    <rPh sb="128" eb="131">
      <t>モウシコミシャ</t>
    </rPh>
    <rPh sb="131" eb="133">
      <t>チョウショ</t>
    </rPh>
    <rPh sb="134" eb="135">
      <t>カン</t>
    </rPh>
    <rPh sb="137" eb="139">
      <t>ジョウホウ</t>
    </rPh>
    <rPh sb="144" eb="147">
      <t>オオイタケン</t>
    </rPh>
    <rPh sb="148" eb="150">
      <t>トウロク</t>
    </rPh>
    <rPh sb="150" eb="152">
      <t>ケンシュウ</t>
    </rPh>
    <rPh sb="152" eb="154">
      <t>キカン</t>
    </rPh>
    <rPh sb="154" eb="155">
      <t>トウ</t>
    </rPh>
    <rPh sb="156" eb="158">
      <t>テイキョウ</t>
    </rPh>
    <rPh sb="163" eb="165">
      <t>ドウイ</t>
    </rPh>
    <phoneticPr fontId="5"/>
  </si>
  <si>
    <t>大分県福祉保健部障害者福祉課長　　殿</t>
    <rPh sb="0" eb="3">
      <t>オオイタケン</t>
    </rPh>
    <rPh sb="3" eb="5">
      <t>フクシ</t>
    </rPh>
    <rPh sb="5" eb="8">
      <t>ホケンブ</t>
    </rPh>
    <rPh sb="8" eb="11">
      <t>ショウガイシャ</t>
    </rPh>
    <rPh sb="11" eb="14">
      <t>フクシカ</t>
    </rPh>
    <rPh sb="14" eb="15">
      <t>チョウ</t>
    </rPh>
    <rPh sb="17" eb="18">
      <t>ドノ</t>
    </rPh>
    <phoneticPr fontId="5"/>
  </si>
  <si>
    <t>印</t>
    <rPh sb="0" eb="1">
      <t>イン</t>
    </rPh>
    <phoneticPr fontId="5"/>
  </si>
  <si>
    <t>（添付書類）</t>
    <rPh sb="1" eb="3">
      <t>テンプ</t>
    </rPh>
    <rPh sb="3" eb="5">
      <t>ショルイ</t>
    </rPh>
    <phoneticPr fontId="5"/>
  </si>
  <si>
    <t>（１）「指導者養成研修（自己学習）受講申込者調書」（別紙様式２）</t>
    <rPh sb="4" eb="7">
      <t>シドウシャ</t>
    </rPh>
    <rPh sb="7" eb="9">
      <t>ヨウセイ</t>
    </rPh>
    <rPh sb="9" eb="11">
      <t>ケンシュウ</t>
    </rPh>
    <rPh sb="12" eb="14">
      <t>ジコ</t>
    </rPh>
    <rPh sb="14" eb="16">
      <t>ガクシュウ</t>
    </rPh>
    <rPh sb="17" eb="19">
      <t>ジュコウ</t>
    </rPh>
    <rPh sb="19" eb="22">
      <t>モウシコミシャ</t>
    </rPh>
    <rPh sb="22" eb="24">
      <t>チョウショ</t>
    </rPh>
    <rPh sb="26" eb="28">
      <t>ベッシ</t>
    </rPh>
    <rPh sb="28" eb="30">
      <t>ヨウシキ</t>
    </rPh>
    <phoneticPr fontId="5"/>
  </si>
  <si>
    <t>（２）医師又は看護師免許の写し</t>
    <rPh sb="3" eb="5">
      <t>イシ</t>
    </rPh>
    <rPh sb="5" eb="6">
      <t>マタ</t>
    </rPh>
    <rPh sb="7" eb="10">
      <t>カンゴシ</t>
    </rPh>
    <rPh sb="10" eb="12">
      <t>メンキョ</t>
    </rPh>
    <rPh sb="13" eb="14">
      <t>ウツ</t>
    </rPh>
    <phoneticPr fontId="5"/>
  </si>
  <si>
    <t>　　　（申込者）</t>
    <rPh sb="4" eb="7">
      <t>モウシコミシャ</t>
    </rPh>
    <phoneticPr fontId="5"/>
  </si>
  <si>
    <t>（別紙様式３）</t>
    <rPh sb="1" eb="3">
      <t>ベッシ</t>
    </rPh>
    <rPh sb="3" eb="5">
      <t>ヨウシキ</t>
    </rPh>
    <phoneticPr fontId="5"/>
  </si>
  <si>
    <t>大分県介護職員等によるたんの吸引等（特定の者対象）の実施のための
指導者養成事業（自己学習）実施報告書</t>
    <rPh sb="0" eb="3">
      <t>オオイタケン</t>
    </rPh>
    <rPh sb="3" eb="5">
      <t>カイゴ</t>
    </rPh>
    <rPh sb="5" eb="7">
      <t>ショクイン</t>
    </rPh>
    <rPh sb="7" eb="8">
      <t>トウ</t>
    </rPh>
    <rPh sb="14" eb="16">
      <t>キュウイン</t>
    </rPh>
    <rPh sb="16" eb="17">
      <t>トウ</t>
    </rPh>
    <rPh sb="18" eb="20">
      <t>トクテイ</t>
    </rPh>
    <rPh sb="21" eb="22">
      <t>モノ</t>
    </rPh>
    <rPh sb="22" eb="24">
      <t>タイショウ</t>
    </rPh>
    <rPh sb="26" eb="28">
      <t>ジッシ</t>
    </rPh>
    <rPh sb="33" eb="36">
      <t>シドウシャ</t>
    </rPh>
    <rPh sb="36" eb="38">
      <t>ヨウセイ</t>
    </rPh>
    <rPh sb="38" eb="40">
      <t>ジギョウ</t>
    </rPh>
    <rPh sb="41" eb="43">
      <t>ジコ</t>
    </rPh>
    <rPh sb="43" eb="45">
      <t>ガクシュウ</t>
    </rPh>
    <rPh sb="46" eb="48">
      <t>ジッシ</t>
    </rPh>
    <rPh sb="48" eb="51">
      <t>ホウコクショ</t>
    </rPh>
    <phoneticPr fontId="5"/>
  </si>
  <si>
    <t>　私は、「介護職員等によるたんの吸引等の実施のための指導者養成事業（特定の者対象）について」（平成２３年９月１４日障発０９１４第２号厚生労働省社会・援護局障害保険福祉部長通知）に定める指導者養成研修事業を修了した者に相当する知識及び技能を厚生労働省が提示する「喀痰吸引等研修指導者マニュアル　第三号研修（特定の者対象）」及び動画スライドを用いた自己学習により修得しましたので報告します。</t>
    <phoneticPr fontId="5"/>
  </si>
  <si>
    <t>大分県福祉保健部障害福祉課長　　殿</t>
    <rPh sb="0" eb="3">
      <t>オオイタケン</t>
    </rPh>
    <rPh sb="3" eb="5">
      <t>フクシ</t>
    </rPh>
    <rPh sb="5" eb="8">
      <t>ホケンブ</t>
    </rPh>
    <rPh sb="8" eb="10">
      <t>ショウガイ</t>
    </rPh>
    <rPh sb="10" eb="12">
      <t>フクシ</t>
    </rPh>
    <rPh sb="12" eb="14">
      <t>カチョウ</t>
    </rPh>
    <rPh sb="16" eb="17">
      <t>ドノ</t>
    </rPh>
    <phoneticPr fontId="5"/>
  </si>
  <si>
    <t>自己学習修了日</t>
    <rPh sb="0" eb="2">
      <t>ジコ</t>
    </rPh>
    <rPh sb="2" eb="4">
      <t>ガクシュウ</t>
    </rPh>
    <rPh sb="4" eb="7">
      <t>シュウリョウビ</t>
    </rPh>
    <phoneticPr fontId="5"/>
  </si>
  <si>
    <t>実地研修実施（予定）日</t>
    <rPh sb="0" eb="2">
      <t>ジッチ</t>
    </rPh>
    <rPh sb="2" eb="4">
      <t>ケンシュウ</t>
    </rPh>
    <rPh sb="4" eb="6">
      <t>ジッシ</t>
    </rPh>
    <rPh sb="7" eb="9">
      <t>ヨテイ</t>
    </rPh>
    <rPh sb="10" eb="11">
      <t>ビ</t>
    </rPh>
    <phoneticPr fontId="5"/>
  </si>
  <si>
    <t>　　　　　　　年　　　　　　月　　　　　日</t>
    <rPh sb="7" eb="8">
      <t>ネン</t>
    </rPh>
    <rPh sb="14" eb="15">
      <t>ガツ</t>
    </rPh>
    <rPh sb="20" eb="21">
      <t>ニチ</t>
    </rPh>
    <phoneticPr fontId="5"/>
  </si>
  <si>
    <t>（別紙様式２）</t>
    <rPh sb="1" eb="3">
      <t>ベッシ</t>
    </rPh>
    <rPh sb="3" eb="5">
      <t>ヨウシキ</t>
    </rPh>
    <phoneticPr fontId="5"/>
  </si>
  <si>
    <t>大分県介護職員等によるたんの吸引等（特定の者対象）の実施のための
指導者養成研修（自己学習）申込者調書</t>
    <rPh sb="0" eb="3">
      <t>オオイタケン</t>
    </rPh>
    <rPh sb="3" eb="5">
      <t>カイゴ</t>
    </rPh>
    <rPh sb="5" eb="7">
      <t>ショクイン</t>
    </rPh>
    <rPh sb="7" eb="8">
      <t>トウ</t>
    </rPh>
    <rPh sb="14" eb="16">
      <t>キュウイン</t>
    </rPh>
    <rPh sb="16" eb="17">
      <t>トウ</t>
    </rPh>
    <rPh sb="18" eb="20">
      <t>トクテイ</t>
    </rPh>
    <rPh sb="21" eb="22">
      <t>モノ</t>
    </rPh>
    <rPh sb="22" eb="24">
      <t>タイショウ</t>
    </rPh>
    <rPh sb="26" eb="28">
      <t>ジッシ</t>
    </rPh>
    <rPh sb="33" eb="36">
      <t>シドウシャ</t>
    </rPh>
    <rPh sb="36" eb="38">
      <t>ヨウセイ</t>
    </rPh>
    <rPh sb="38" eb="40">
      <t>ケンシュウ</t>
    </rPh>
    <rPh sb="41" eb="43">
      <t>ジコ</t>
    </rPh>
    <rPh sb="43" eb="45">
      <t>ガクシュウ</t>
    </rPh>
    <rPh sb="46" eb="49">
      <t>モウシコミシャ</t>
    </rPh>
    <rPh sb="49" eb="51">
      <t>チョウショ</t>
    </rPh>
    <phoneticPr fontId="5"/>
  </si>
  <si>
    <t>　（　　　　　年　　　　月　　　　日現在）</t>
    <rPh sb="7" eb="8">
      <t>ネン</t>
    </rPh>
    <rPh sb="12" eb="13">
      <t>ツキ</t>
    </rPh>
    <rPh sb="17" eb="18">
      <t>ニチ</t>
    </rPh>
    <rPh sb="18" eb="20">
      <t>ゲンザイ</t>
    </rPh>
    <phoneticPr fontId="5"/>
  </si>
  <si>
    <t>生年月日・年齢</t>
    <rPh sb="0" eb="2">
      <t>セイネン</t>
    </rPh>
    <rPh sb="2" eb="4">
      <t>ガッピ</t>
    </rPh>
    <rPh sb="5" eb="7">
      <t>ネンレイ</t>
    </rPh>
    <phoneticPr fontId="5"/>
  </si>
  <si>
    <t>現在の勤務先</t>
    <rPh sb="0" eb="2">
      <t>ゲンザイ</t>
    </rPh>
    <rPh sb="3" eb="6">
      <t>キンムサキ</t>
    </rPh>
    <phoneticPr fontId="5"/>
  </si>
  <si>
    <t>設置主体名</t>
    <rPh sb="0" eb="2">
      <t>セッチ</t>
    </rPh>
    <rPh sb="2" eb="4">
      <t>シュタイ</t>
    </rPh>
    <rPh sb="4" eb="5">
      <t>メイ</t>
    </rPh>
    <phoneticPr fontId="5"/>
  </si>
  <si>
    <t>事業所名</t>
    <rPh sb="0" eb="3">
      <t>ジギョウショ</t>
    </rPh>
    <rPh sb="3" eb="4">
      <t>メイ</t>
    </rPh>
    <phoneticPr fontId="5"/>
  </si>
  <si>
    <t>所在地：〒</t>
    <rPh sb="0" eb="3">
      <t>ショザイチ</t>
    </rPh>
    <phoneticPr fontId="5"/>
  </si>
  <si>
    <t>10．特別養護老人ホーム</t>
    <rPh sb="3" eb="5">
      <t>トクベツ</t>
    </rPh>
    <rPh sb="5" eb="7">
      <t>ヨウゴ</t>
    </rPh>
    <rPh sb="7" eb="9">
      <t>ロウジン</t>
    </rPh>
    <phoneticPr fontId="5"/>
  </si>
  <si>
    <t xml:space="preserve"> ８．特別養護老人ホーム</t>
    <rPh sb="3" eb="5">
      <t>トクベツ</t>
    </rPh>
    <rPh sb="5" eb="7">
      <t>ヨウゴ</t>
    </rPh>
    <rPh sb="7" eb="9">
      <t>ロウジン</t>
    </rPh>
    <phoneticPr fontId="5"/>
  </si>
  <si>
    <t xml:space="preserve"> ６．特別支援学校</t>
    <rPh sb="3" eb="5">
      <t>トクベツ</t>
    </rPh>
    <rPh sb="5" eb="7">
      <t>シエン</t>
    </rPh>
    <rPh sb="7" eb="9">
      <t>ガッコウ</t>
    </rPh>
    <phoneticPr fontId="5"/>
  </si>
  <si>
    <t xml:space="preserve"> ４．障害者（児）サービス事業所（サービス種別　　　　　　　　　　　　　　　　）</t>
    <rPh sb="3" eb="6">
      <t>ショウガイシャ</t>
    </rPh>
    <rPh sb="7" eb="8">
      <t>ジ</t>
    </rPh>
    <rPh sb="13" eb="16">
      <t>ジギョウショ</t>
    </rPh>
    <rPh sb="21" eb="23">
      <t>シュベツ</t>
    </rPh>
    <phoneticPr fontId="5"/>
  </si>
  <si>
    <t xml:space="preserve"> ２．訪問看護ステーション</t>
    <rPh sb="3" eb="5">
      <t>ホウモン</t>
    </rPh>
    <rPh sb="5" eb="7">
      <t>カンゴ</t>
    </rPh>
    <phoneticPr fontId="5"/>
  </si>
  <si>
    <t xml:space="preserve"> １．都道府県庁（１－１本庁　１－２保健所　１－３病院・診療所）</t>
    <rPh sb="3" eb="8">
      <t>トドウフケンチョウ</t>
    </rPh>
    <rPh sb="12" eb="14">
      <t>ホンチョウ</t>
    </rPh>
    <rPh sb="18" eb="21">
      <t>ホケンショ</t>
    </rPh>
    <rPh sb="25" eb="27">
      <t>ビョウイン</t>
    </rPh>
    <rPh sb="28" eb="31">
      <t>シンリョウショ</t>
    </rPh>
    <phoneticPr fontId="5"/>
  </si>
  <si>
    <t xml:space="preserve"> ３．病院・診療所</t>
    <rPh sb="3" eb="5">
      <t>ビョウイン</t>
    </rPh>
    <rPh sb="6" eb="9">
      <t>シンリョウショ</t>
    </rPh>
    <phoneticPr fontId="5"/>
  </si>
  <si>
    <t xml:space="preserve"> ７．保育所</t>
    <rPh sb="3" eb="6">
      <t>ホイクショ</t>
    </rPh>
    <phoneticPr fontId="5"/>
  </si>
  <si>
    <t xml:space="preserve"> ９．老人保健施設</t>
    <rPh sb="3" eb="5">
      <t>ロウジン</t>
    </rPh>
    <rPh sb="5" eb="7">
      <t>ホケン</t>
    </rPh>
    <rPh sb="7" eb="9">
      <t>シセツ</t>
    </rPh>
    <phoneticPr fontId="5"/>
  </si>
  <si>
    <t>11．認知症（高齢者）グループ</t>
    <rPh sb="3" eb="6">
      <t>ニンチショウ</t>
    </rPh>
    <rPh sb="7" eb="10">
      <t>コウレイシャ</t>
    </rPh>
    <phoneticPr fontId="5"/>
  </si>
  <si>
    <t>12．医療系大学・養成所</t>
    <rPh sb="3" eb="6">
      <t>イリョウケイ</t>
    </rPh>
    <rPh sb="6" eb="8">
      <t>ダイガク</t>
    </rPh>
    <rPh sb="9" eb="12">
      <t>ヨウセイショ</t>
    </rPh>
    <phoneticPr fontId="5"/>
  </si>
  <si>
    <r>
      <t xml:space="preserve">保有資格
</t>
    </r>
    <r>
      <rPr>
        <sz val="10"/>
        <color theme="1"/>
        <rFont val="HGPｺﾞｼｯｸM"/>
        <family val="3"/>
        <charset val="128"/>
      </rPr>
      <t>該当するもの全てに○</t>
    </r>
    <rPh sb="0" eb="2">
      <t>ホユウ</t>
    </rPh>
    <rPh sb="2" eb="4">
      <t>シカク</t>
    </rPh>
    <rPh sb="5" eb="7">
      <t>ガイトウ</t>
    </rPh>
    <rPh sb="11" eb="12">
      <t>スベ</t>
    </rPh>
    <phoneticPr fontId="5"/>
  </si>
  <si>
    <t>　１．医師　　　　２．保健師　　　　３．授産師　　　　４．看護師</t>
    <rPh sb="3" eb="5">
      <t>イシ</t>
    </rPh>
    <rPh sb="11" eb="14">
      <t>ホケンシ</t>
    </rPh>
    <rPh sb="20" eb="22">
      <t>ジュサン</t>
    </rPh>
    <rPh sb="22" eb="23">
      <t>シ</t>
    </rPh>
    <rPh sb="29" eb="32">
      <t>カンゴシ</t>
    </rPh>
    <phoneticPr fontId="5"/>
  </si>
  <si>
    <t>＊医師については医師免許を、保健師、助産師、看護師については看護師免許を記載いのうえ、免許証の写しを添付すること</t>
    <rPh sb="1" eb="3">
      <t>イシ</t>
    </rPh>
    <rPh sb="8" eb="10">
      <t>イシ</t>
    </rPh>
    <rPh sb="10" eb="12">
      <t>メンキョ</t>
    </rPh>
    <rPh sb="14" eb="17">
      <t>ホケンシ</t>
    </rPh>
    <rPh sb="18" eb="21">
      <t>ジョサンシ</t>
    </rPh>
    <rPh sb="22" eb="25">
      <t>カンゴシ</t>
    </rPh>
    <rPh sb="30" eb="33">
      <t>カンゴシ</t>
    </rPh>
    <rPh sb="33" eb="35">
      <t>メンキョ</t>
    </rPh>
    <rPh sb="36" eb="38">
      <t>キサイ</t>
    </rPh>
    <rPh sb="43" eb="46">
      <t>メンキョショウ</t>
    </rPh>
    <rPh sb="47" eb="48">
      <t>ウツ</t>
    </rPh>
    <rPh sb="50" eb="52">
      <t>テンプ</t>
    </rPh>
    <phoneticPr fontId="5"/>
  </si>
  <si>
    <t>登録研修機関の
名称</t>
    <rPh sb="0" eb="2">
      <t>トウロク</t>
    </rPh>
    <rPh sb="2" eb="4">
      <t>ケンシュウ</t>
    </rPh>
    <rPh sb="4" eb="6">
      <t>キカン</t>
    </rPh>
    <rPh sb="8" eb="10">
      <t>メイショウ</t>
    </rPh>
    <phoneticPr fontId="5"/>
  </si>
  <si>
    <t>実地研修予定日</t>
    <rPh sb="0" eb="2">
      <t>ジッチ</t>
    </rPh>
    <rPh sb="2" eb="4">
      <t>ケンシュウ</t>
    </rPh>
    <rPh sb="4" eb="7">
      <t>ヨテイビ</t>
    </rPh>
    <phoneticPr fontId="5"/>
  </si>
  <si>
    <t>　　　　　　　　　　　年　　　　　　　月　　　　　　　　日
　　＊必ず事前に自己学習を修了すること</t>
    <rPh sb="11" eb="12">
      <t>ネン</t>
    </rPh>
    <rPh sb="19" eb="20">
      <t>ツキ</t>
    </rPh>
    <rPh sb="28" eb="29">
      <t>ニチ</t>
    </rPh>
    <rPh sb="33" eb="34">
      <t>カナラ</t>
    </rPh>
    <rPh sb="35" eb="37">
      <t>ジゼン</t>
    </rPh>
    <rPh sb="38" eb="40">
      <t>ジコ</t>
    </rPh>
    <rPh sb="40" eb="42">
      <t>ガクシュウ</t>
    </rPh>
    <rPh sb="43" eb="45">
      <t>シュウリョウ</t>
    </rPh>
    <phoneticPr fontId="5"/>
  </si>
  <si>
    <t>印</t>
    <rPh sb="0" eb="1">
      <t>イン</t>
    </rPh>
    <phoneticPr fontId="5"/>
  </si>
  <si>
    <t>ＴＥＬ</t>
    <phoneticPr fontId="5"/>
  </si>
  <si>
    <t>ＦＡＸ</t>
    <phoneticPr fontId="5"/>
  </si>
  <si>
    <t xml:space="preserve"> ５．障害者（児）施設（施設種別　　　　　　　　　　　　　　　　　　　　　　　　　）</t>
    <rPh sb="3" eb="6">
      <t>ショウガイシャ</t>
    </rPh>
    <rPh sb="7" eb="8">
      <t>ジ</t>
    </rPh>
    <rPh sb="9" eb="11">
      <t>シセツ</t>
    </rPh>
    <rPh sb="12" eb="14">
      <t>シセツ</t>
    </rPh>
    <rPh sb="14" eb="16">
      <t>シュベツ</t>
    </rPh>
    <phoneticPr fontId="5"/>
  </si>
  <si>
    <t>1３．その他（具体的に　　　　　　　　　　）</t>
    <rPh sb="5" eb="6">
      <t>タ</t>
    </rPh>
    <rPh sb="7" eb="10">
      <t>グタイテキ</t>
    </rPh>
    <phoneticPr fontId="5"/>
  </si>
  <si>
    <t>ご記入いただきました内容は、本研修事業に関する手続きにのみ使用させていただきます。
提出された文書については県局しませんので、予めご了承下さい。</t>
    <rPh sb="1" eb="3">
      <t>キニュウ</t>
    </rPh>
    <rPh sb="10" eb="12">
      <t>ナイヨウ</t>
    </rPh>
    <rPh sb="14" eb="15">
      <t>ホン</t>
    </rPh>
    <rPh sb="15" eb="17">
      <t>ケンシュウ</t>
    </rPh>
    <rPh sb="17" eb="19">
      <t>ジギョウ</t>
    </rPh>
    <rPh sb="20" eb="21">
      <t>カン</t>
    </rPh>
    <rPh sb="23" eb="25">
      <t>テツヅ</t>
    </rPh>
    <rPh sb="29" eb="31">
      <t>シヨウ</t>
    </rPh>
    <rPh sb="42" eb="44">
      <t>テイシュツ</t>
    </rPh>
    <rPh sb="47" eb="49">
      <t>ブンショ</t>
    </rPh>
    <rPh sb="54" eb="55">
      <t>ケン</t>
    </rPh>
    <rPh sb="55" eb="56">
      <t>キョク</t>
    </rPh>
    <rPh sb="63" eb="64">
      <t>アラカジ</t>
    </rPh>
    <rPh sb="66" eb="68">
      <t>リョウショウ</t>
    </rPh>
    <rPh sb="68" eb="69">
      <t>クダ</t>
    </rPh>
    <phoneticPr fontId="5"/>
  </si>
  <si>
    <t>職　　歴</t>
    <rPh sb="0" eb="1">
      <t>ショク</t>
    </rPh>
    <rPh sb="3" eb="4">
      <t>レキ</t>
    </rPh>
    <phoneticPr fontId="5"/>
  </si>
  <si>
    <t>免　　許</t>
    <rPh sb="0" eb="1">
      <t>メン</t>
    </rPh>
    <rPh sb="3" eb="4">
      <t>モト</t>
    </rPh>
    <phoneticPr fontId="5"/>
  </si>
  <si>
    <t>（　　　　　）歳</t>
    <rPh sb="7" eb="8">
      <t>サイ</t>
    </rPh>
    <phoneticPr fontId="5"/>
  </si>
  <si>
    <t>　　　　　　　　年　　　　　　月　　　　　　　日生</t>
    <rPh sb="8" eb="9">
      <t>ネン</t>
    </rPh>
    <rPh sb="15" eb="16">
      <t>ツキ</t>
    </rPh>
    <rPh sb="23" eb="24">
      <t>ニチ</t>
    </rPh>
    <rPh sb="24" eb="25">
      <t>セイ</t>
    </rPh>
    <phoneticPr fontId="5"/>
  </si>
  <si>
    <t>現在の勤務先等</t>
    <rPh sb="0" eb="2">
      <t>ゲンザイ</t>
    </rPh>
    <rPh sb="3" eb="6">
      <t>キンムサキ</t>
    </rPh>
    <rPh sb="6" eb="7">
      <t>トウ</t>
    </rPh>
    <phoneticPr fontId="5"/>
  </si>
  <si>
    <t>ふりがな
氏　　名</t>
    <rPh sb="5" eb="6">
      <t>シ</t>
    </rPh>
    <rPh sb="8" eb="9">
      <t>ナ</t>
    </rPh>
    <phoneticPr fontId="5"/>
  </si>
  <si>
    <t>　ａ．医師としての臨床等での実務経験年数
　　　（　　　　　）年（　　　　　）か月</t>
    <rPh sb="3" eb="5">
      <t>イシ</t>
    </rPh>
    <rPh sb="9" eb="11">
      <t>リンショウ</t>
    </rPh>
    <rPh sb="11" eb="12">
      <t>トウ</t>
    </rPh>
    <rPh sb="14" eb="16">
      <t>ジツム</t>
    </rPh>
    <rPh sb="16" eb="18">
      <t>ケイケン</t>
    </rPh>
    <rPh sb="18" eb="20">
      <t>ネンスウ</t>
    </rPh>
    <rPh sb="31" eb="32">
      <t>ネン</t>
    </rPh>
    <rPh sb="40" eb="41">
      <t>ゲツ</t>
    </rPh>
    <phoneticPr fontId="5"/>
  </si>
  <si>
    <t>　ｂ．保健師、助産師又は看護師としての臨床等での実務経験年数
　　　（　　　　　）年（　　　　　）か月
　　　　　　　　　　　　　　　＊准看護師としての経験年数は含めないこと。</t>
    <rPh sb="3" eb="6">
      <t>ホケンシ</t>
    </rPh>
    <rPh sb="7" eb="10">
      <t>ジョサンシ</t>
    </rPh>
    <rPh sb="10" eb="11">
      <t>マタ</t>
    </rPh>
    <rPh sb="12" eb="15">
      <t>カンゴシ</t>
    </rPh>
    <rPh sb="19" eb="21">
      <t>リンショウ</t>
    </rPh>
    <rPh sb="21" eb="22">
      <t>トウ</t>
    </rPh>
    <rPh sb="24" eb="26">
      <t>ジツム</t>
    </rPh>
    <rPh sb="26" eb="28">
      <t>ケイケン</t>
    </rPh>
    <rPh sb="28" eb="30">
      <t>ネンスウ</t>
    </rPh>
    <rPh sb="41" eb="42">
      <t>ネン</t>
    </rPh>
    <rPh sb="50" eb="51">
      <t>ゲツ</t>
    </rPh>
    <rPh sb="68" eb="72">
      <t>ジュンカンゴシ</t>
    </rPh>
    <rPh sb="76" eb="78">
      <t>ケイケン</t>
    </rPh>
    <rPh sb="78" eb="80">
      <t>ネンスウ</t>
    </rPh>
    <rPh sb="81" eb="82">
      <t>フク</t>
    </rPh>
    <phoneticPr fontId="5"/>
  </si>
  <si>
    <t>　ｃ．上記のうち、たんの吸引等の業務に関する従事期間
　　　（　　　　　）年（　　　　　）か月</t>
    <rPh sb="3" eb="5">
      <t>ジョウキ</t>
    </rPh>
    <rPh sb="12" eb="14">
      <t>キュウイン</t>
    </rPh>
    <rPh sb="14" eb="15">
      <t>トウ</t>
    </rPh>
    <rPh sb="16" eb="18">
      <t>ギョウム</t>
    </rPh>
    <rPh sb="19" eb="20">
      <t>カン</t>
    </rPh>
    <rPh sb="22" eb="24">
      <t>ジュウジ</t>
    </rPh>
    <rPh sb="24" eb="26">
      <t>キカン</t>
    </rPh>
    <rPh sb="37" eb="38">
      <t>ネン</t>
    </rPh>
    <rPh sb="46" eb="47">
      <t>ゲツ</t>
    </rPh>
    <phoneticPr fontId="5"/>
  </si>
  <si>
    <t>　取得年月日：　　　　　　年　　　　月　　　　日</t>
    <rPh sb="1" eb="3">
      <t>シュトク</t>
    </rPh>
    <rPh sb="3" eb="6">
      <t>ネンガッピ</t>
    </rPh>
    <rPh sb="13" eb="14">
      <t>ネン</t>
    </rPh>
    <rPh sb="18" eb="19">
      <t>ツキ</t>
    </rPh>
    <rPh sb="23" eb="24">
      <t>ニチ</t>
    </rPh>
    <phoneticPr fontId="5"/>
  </si>
  <si>
    <t>　免許番号　：</t>
    <rPh sb="1" eb="3">
      <t>メンキョ</t>
    </rPh>
    <rPh sb="3" eb="5">
      <t>バンゴウ</t>
    </rPh>
    <phoneticPr fontId="5"/>
  </si>
  <si>
    <t>介護福祉士の方が「実地研修を修了した喀痰吸引等行為」　の申請をする際に必要な書類について</t>
    <rPh sb="0" eb="2">
      <t>カイゴ</t>
    </rPh>
    <rPh sb="2" eb="5">
      <t>フクシシ</t>
    </rPh>
    <rPh sb="6" eb="7">
      <t>カタ</t>
    </rPh>
    <rPh sb="9" eb="11">
      <t>ジッチ</t>
    </rPh>
    <rPh sb="11" eb="13">
      <t>ケンシュウ</t>
    </rPh>
    <rPh sb="14" eb="16">
      <t>シュウリョウ</t>
    </rPh>
    <rPh sb="18" eb="20">
      <t>カクタン</t>
    </rPh>
    <rPh sb="20" eb="22">
      <t>キュウイン</t>
    </rPh>
    <rPh sb="22" eb="23">
      <t>トウ</t>
    </rPh>
    <rPh sb="23" eb="25">
      <t>コウイ</t>
    </rPh>
    <rPh sb="28" eb="30">
      <t>シンセイ</t>
    </rPh>
    <rPh sb="33" eb="34">
      <t>サイ</t>
    </rPh>
    <rPh sb="35" eb="37">
      <t>ヒツヨウ</t>
    </rPh>
    <rPh sb="38" eb="40">
      <t>ショルイ</t>
    </rPh>
    <phoneticPr fontId="5"/>
  </si>
  <si>
    <r>
      <rPr>
        <b/>
        <sz val="14"/>
        <color theme="1"/>
        <rFont val="HGPｺﾞｼｯｸM"/>
        <family val="3"/>
        <charset val="128"/>
      </rPr>
      <t>＜喀痰吸引等登録申請に関して提出する必要書類＞</t>
    </r>
    <r>
      <rPr>
        <sz val="14"/>
        <color theme="1"/>
        <rFont val="HGPｺﾞｼｯｸM"/>
        <family val="3"/>
        <charset val="128"/>
      </rPr>
      <t xml:space="preserve">
１　厚生労働大臣指定研修課程付記申請書
２　登録事項変更届出書
３　実地研修修了を証する書類　※
４　登録事項変更手数料『振替払込受付証明書』貼付用紙
５　戸籍抄本等、本人確認書類
６　登録証の原本
　上記を封筒に入れて、郵便局の窓口から「簡易書留」で送付して下さい。
　送付先：〒150-0002
　　　　　　東京都渋谷区渋谷1-5-6　SEMPOビル５階
　　　　　　公益財団法人　社会福祉振興・試験センター登録部
※　実地研修を証する書類について
　●『喀痰吸引等研修修了証明書（証書）』、『認定特定行為業務従事者認定証』の写し等</t>
    </r>
    <rPh sb="1" eb="5">
      <t>カクタンキュウイン</t>
    </rPh>
    <rPh sb="5" eb="6">
      <t>トウ</t>
    </rPh>
    <rPh sb="6" eb="8">
      <t>トウロク</t>
    </rPh>
    <rPh sb="8" eb="10">
      <t>シンセイ</t>
    </rPh>
    <rPh sb="11" eb="12">
      <t>カン</t>
    </rPh>
    <rPh sb="14" eb="16">
      <t>テイシュツ</t>
    </rPh>
    <rPh sb="18" eb="20">
      <t>ヒツヨウ</t>
    </rPh>
    <rPh sb="20" eb="22">
      <t>ショルイ</t>
    </rPh>
    <rPh sb="27" eb="29">
      <t>コウセイ</t>
    </rPh>
    <rPh sb="29" eb="31">
      <t>ロウドウ</t>
    </rPh>
    <rPh sb="31" eb="33">
      <t>ダイジン</t>
    </rPh>
    <rPh sb="33" eb="35">
      <t>シテイ</t>
    </rPh>
    <rPh sb="35" eb="37">
      <t>ケンシュウ</t>
    </rPh>
    <rPh sb="37" eb="39">
      <t>カテイ</t>
    </rPh>
    <rPh sb="39" eb="41">
      <t>フキ</t>
    </rPh>
    <rPh sb="41" eb="44">
      <t>シンセイショ</t>
    </rPh>
    <rPh sb="47" eb="49">
      <t>トウロク</t>
    </rPh>
    <rPh sb="49" eb="51">
      <t>ジコウ</t>
    </rPh>
    <rPh sb="51" eb="53">
      <t>ヘンコウ</t>
    </rPh>
    <rPh sb="53" eb="56">
      <t>トドケデショ</t>
    </rPh>
    <rPh sb="59" eb="61">
      <t>ジッチ</t>
    </rPh>
    <rPh sb="61" eb="63">
      <t>ケンシュウ</t>
    </rPh>
    <rPh sb="63" eb="65">
      <t>シュウリョウ</t>
    </rPh>
    <rPh sb="66" eb="67">
      <t>ショウ</t>
    </rPh>
    <rPh sb="69" eb="71">
      <t>ショルイ</t>
    </rPh>
    <rPh sb="76" eb="78">
      <t>トウロク</t>
    </rPh>
    <rPh sb="78" eb="80">
      <t>ジコウ</t>
    </rPh>
    <rPh sb="80" eb="82">
      <t>ヘンコウ</t>
    </rPh>
    <rPh sb="82" eb="85">
      <t>テスウリョウ</t>
    </rPh>
    <rPh sb="86" eb="88">
      <t>フリカエ</t>
    </rPh>
    <rPh sb="88" eb="90">
      <t>ハライコミ</t>
    </rPh>
    <rPh sb="90" eb="92">
      <t>ウケツケ</t>
    </rPh>
    <rPh sb="92" eb="95">
      <t>ショウメイショ</t>
    </rPh>
    <rPh sb="96" eb="98">
      <t>テンプ</t>
    </rPh>
    <rPh sb="98" eb="100">
      <t>ヨウシ</t>
    </rPh>
    <rPh sb="103" eb="105">
      <t>コセキ</t>
    </rPh>
    <rPh sb="105" eb="107">
      <t>ショウホン</t>
    </rPh>
    <rPh sb="107" eb="108">
      <t>トウ</t>
    </rPh>
    <rPh sb="109" eb="111">
      <t>ホンニン</t>
    </rPh>
    <rPh sb="111" eb="113">
      <t>カクニン</t>
    </rPh>
    <rPh sb="113" eb="115">
      <t>ショルイ</t>
    </rPh>
    <rPh sb="118" eb="121">
      <t>トウロクショウ</t>
    </rPh>
    <rPh sb="122" eb="124">
      <t>ゲンポン</t>
    </rPh>
    <rPh sb="127" eb="129">
      <t>ジョウキ</t>
    </rPh>
    <rPh sb="130" eb="132">
      <t>フウトウ</t>
    </rPh>
    <rPh sb="133" eb="134">
      <t>イ</t>
    </rPh>
    <rPh sb="137" eb="140">
      <t>ユウビンキョク</t>
    </rPh>
    <rPh sb="141" eb="143">
      <t>マドグチ</t>
    </rPh>
    <rPh sb="146" eb="148">
      <t>カンイ</t>
    </rPh>
    <rPh sb="148" eb="150">
      <t>カキトメ</t>
    </rPh>
    <rPh sb="152" eb="154">
      <t>ソウフ</t>
    </rPh>
    <rPh sb="156" eb="157">
      <t>クダ</t>
    </rPh>
    <rPh sb="276" eb="278">
      <t>ニンテイ</t>
    </rPh>
    <rPh sb="278" eb="280">
      <t>トクテイ</t>
    </rPh>
    <rPh sb="280" eb="282">
      <t>コウイ</t>
    </rPh>
    <rPh sb="282" eb="284">
      <t>ギョウム</t>
    </rPh>
    <rPh sb="284" eb="287">
      <t>ジュウジシャ</t>
    </rPh>
    <rPh sb="287" eb="290">
      <t>ニンテイショウ</t>
    </rPh>
    <rPh sb="292" eb="293">
      <t>ウツ</t>
    </rPh>
    <rPh sb="294" eb="295">
      <t>トウ</t>
    </rPh>
    <phoneticPr fontId="5"/>
  </si>
  <si>
    <r>
      <t xml:space="preserve">
</t>
    </r>
    <r>
      <rPr>
        <b/>
        <sz val="14"/>
        <color theme="1"/>
        <rFont val="HGPｺﾞｼｯｸM"/>
        <family val="3"/>
        <charset val="128"/>
      </rPr>
      <t>＜認定証の原本証明について＞</t>
    </r>
    <r>
      <rPr>
        <sz val="14"/>
        <color theme="1"/>
        <rFont val="HGPｺﾞｼｯｸM"/>
        <family val="3"/>
        <charset val="128"/>
      </rPr>
      <t xml:space="preserve">
　実地研修修了した行為の登録申請の際には、以下の書類のいずれかが必要になります。
●　都道府県が原本証明した「認定特定行為業務従事者認定証の写し」
●　都道府県または登録研修機関が原本証明した「喀痰吸引等研修修了証明書の写し」
●　「喀痰吸引等研修修了証明書」等実地研修修了を証する書類の原本</t>
    </r>
    <r>
      <rPr>
        <sz val="14"/>
        <rFont val="HGPｺﾞｼｯｸM"/>
        <family val="3"/>
        <charset val="128"/>
      </rPr>
      <t>（</t>
    </r>
    <r>
      <rPr>
        <u val="double"/>
        <sz val="14"/>
        <rFont val="HGPｺﾞｼｯｸM"/>
        <family val="3"/>
        <charset val="128"/>
      </rPr>
      <t>登録喀痰吸引等事業者のみ</t>
    </r>
    <r>
      <rPr>
        <sz val="14"/>
        <rFont val="HGPｺﾞｼｯｸM"/>
        <family val="3"/>
        <charset val="128"/>
      </rPr>
      <t>）</t>
    </r>
    <r>
      <rPr>
        <sz val="14"/>
        <color rgb="FFFF0000"/>
        <rFont val="HGPｺﾞｼｯｸM"/>
        <family val="3"/>
        <charset val="128"/>
      </rPr>
      <t xml:space="preserve">
</t>
    </r>
    <r>
      <rPr>
        <sz val="14"/>
        <color theme="1"/>
        <rFont val="HGPｺﾞｼｯｸM"/>
        <family val="3"/>
        <charset val="128"/>
      </rPr>
      <t xml:space="preserve">
　県が発行した「認定特定行為業務従事者認定証」の写しが必要な方は、申請書類に必要な事項を記載のうえ、高齢者福祉課まで提出してください。
　</t>
    </r>
    <r>
      <rPr>
        <sz val="14"/>
        <color rgb="FFFF0000"/>
        <rFont val="HGPｺﾞｼｯｸM"/>
        <family val="3"/>
        <charset val="128"/>
      </rPr>
      <t xml:space="preserve">なお、登録特定行為事業者で従事する場合、「認定特定行為業務従事者認定証」の原本を提出の場合は、事業所でのたん吸引等が出来なくなるのでご注意ください。
</t>
    </r>
    <r>
      <rPr>
        <sz val="14"/>
        <color theme="1"/>
        <rFont val="HGPｺﾞｼｯｸM"/>
        <family val="3"/>
        <charset val="128"/>
      </rPr>
      <t xml:space="preserve">
提出先
　〒870-8501　　大分市大手町3丁目1番1号
　大分県福祉保健部高齢者福祉課介護保険推進班　　　あて
必要書類
　認定特定行為業務従事者認定証　原本証明申請書
　　　　　　※返信用の封筒は不要です。</t>
    </r>
    <rPh sb="2" eb="4">
      <t>ニンテイ</t>
    </rPh>
    <rPh sb="4" eb="5">
      <t>ショウ</t>
    </rPh>
    <rPh sb="6" eb="8">
      <t>ゲンポン</t>
    </rPh>
    <rPh sb="8" eb="10">
      <t>ショウメイ</t>
    </rPh>
    <rPh sb="18" eb="20">
      <t>ジッチ</t>
    </rPh>
    <rPh sb="20" eb="22">
      <t>ケンシュウ</t>
    </rPh>
    <rPh sb="22" eb="24">
      <t>シュウリョウ</t>
    </rPh>
    <rPh sb="26" eb="28">
      <t>コウイ</t>
    </rPh>
    <rPh sb="29" eb="31">
      <t>トウロク</t>
    </rPh>
    <rPh sb="31" eb="33">
      <t>シンセイ</t>
    </rPh>
    <rPh sb="34" eb="35">
      <t>サイ</t>
    </rPh>
    <rPh sb="38" eb="40">
      <t>イカ</t>
    </rPh>
    <rPh sb="41" eb="43">
      <t>ショルイ</t>
    </rPh>
    <rPh sb="49" eb="51">
      <t>ヒツヨウ</t>
    </rPh>
    <rPh sb="61" eb="65">
      <t>トドウフケン</t>
    </rPh>
    <rPh sb="66" eb="68">
      <t>ゲンポン</t>
    </rPh>
    <rPh sb="68" eb="70">
      <t>ショウメイ</t>
    </rPh>
    <rPh sb="73" eb="75">
      <t>ニンテイ</t>
    </rPh>
    <rPh sb="75" eb="77">
      <t>トクテイ</t>
    </rPh>
    <rPh sb="77" eb="79">
      <t>コウイ</t>
    </rPh>
    <rPh sb="79" eb="81">
      <t>ギョウム</t>
    </rPh>
    <rPh sb="81" eb="84">
      <t>ジュウジシャ</t>
    </rPh>
    <rPh sb="84" eb="87">
      <t>ニンテイショウ</t>
    </rPh>
    <rPh sb="88" eb="89">
      <t>ウツ</t>
    </rPh>
    <rPh sb="94" eb="98">
      <t>トドウフケン</t>
    </rPh>
    <rPh sb="101" eb="103">
      <t>トウロク</t>
    </rPh>
    <rPh sb="103" eb="105">
      <t>ケンシュウ</t>
    </rPh>
    <rPh sb="105" eb="107">
      <t>キカン</t>
    </rPh>
    <rPh sb="108" eb="110">
      <t>ゲンポン</t>
    </rPh>
    <rPh sb="110" eb="112">
      <t>ショウメイ</t>
    </rPh>
    <rPh sb="115" eb="117">
      <t>カクタン</t>
    </rPh>
    <rPh sb="117" eb="119">
      <t>キュウイン</t>
    </rPh>
    <rPh sb="119" eb="120">
      <t>トウ</t>
    </rPh>
    <rPh sb="120" eb="122">
      <t>ケンシュウ</t>
    </rPh>
    <rPh sb="122" eb="124">
      <t>シュウリョウ</t>
    </rPh>
    <rPh sb="124" eb="127">
      <t>ショウメイショ</t>
    </rPh>
    <rPh sb="128" eb="129">
      <t>ウツ</t>
    </rPh>
    <rPh sb="135" eb="137">
      <t>カクタン</t>
    </rPh>
    <rPh sb="137" eb="139">
      <t>キュウイン</t>
    </rPh>
    <rPh sb="139" eb="140">
      <t>トウ</t>
    </rPh>
    <rPh sb="140" eb="142">
      <t>ケンシュウ</t>
    </rPh>
    <rPh sb="142" eb="144">
      <t>シュウリョウ</t>
    </rPh>
    <rPh sb="144" eb="147">
      <t>ショウメイショ</t>
    </rPh>
    <rPh sb="148" eb="149">
      <t>トウ</t>
    </rPh>
    <rPh sb="149" eb="151">
      <t>ジッチ</t>
    </rPh>
    <rPh sb="151" eb="153">
      <t>ケンシュウ</t>
    </rPh>
    <rPh sb="153" eb="155">
      <t>シュウリョウ</t>
    </rPh>
    <rPh sb="156" eb="157">
      <t>ショウ</t>
    </rPh>
    <rPh sb="159" eb="161">
      <t>ショルイ</t>
    </rPh>
    <rPh sb="162" eb="164">
      <t>ゲンポン</t>
    </rPh>
    <rPh sb="165" eb="167">
      <t>トウロク</t>
    </rPh>
    <rPh sb="167" eb="171">
      <t>カクタンキュウイン</t>
    </rPh>
    <rPh sb="171" eb="172">
      <t>トウ</t>
    </rPh>
    <rPh sb="252" eb="254">
      <t>トウロク</t>
    </rPh>
    <rPh sb="254" eb="256">
      <t>トクテイ</t>
    </rPh>
    <rPh sb="256" eb="258">
      <t>コウイ</t>
    </rPh>
    <rPh sb="258" eb="261">
      <t>ジギョウシャ</t>
    </rPh>
    <rPh sb="262" eb="264">
      <t>ジュウジ</t>
    </rPh>
    <rPh sb="266" eb="268">
      <t>バアイ</t>
    </rPh>
    <rPh sb="270" eb="272">
      <t>ニンテイ</t>
    </rPh>
    <rPh sb="272" eb="274">
      <t>トクテイ</t>
    </rPh>
    <rPh sb="274" eb="276">
      <t>コウイ</t>
    </rPh>
    <rPh sb="276" eb="278">
      <t>ギョウム</t>
    </rPh>
    <rPh sb="278" eb="281">
      <t>ジュウジシャ</t>
    </rPh>
    <rPh sb="281" eb="284">
      <t>ニンテイショウ</t>
    </rPh>
    <rPh sb="286" eb="288">
      <t>ゲンポン</t>
    </rPh>
    <rPh sb="289" eb="291">
      <t>テイシュツ</t>
    </rPh>
    <rPh sb="292" eb="294">
      <t>バアイ</t>
    </rPh>
    <rPh sb="296" eb="299">
      <t>ジギョウショ</t>
    </rPh>
    <rPh sb="303" eb="305">
      <t>キュウイン</t>
    </rPh>
    <rPh sb="305" eb="306">
      <t>トウ</t>
    </rPh>
    <rPh sb="307" eb="309">
      <t>デキ</t>
    </rPh>
    <rPh sb="316" eb="318">
      <t>チュウイ</t>
    </rPh>
    <rPh sb="325" eb="328">
      <t>テイシュツサキ</t>
    </rPh>
    <rPh sb="341" eb="344">
      <t>オオイタシ</t>
    </rPh>
    <rPh sb="344" eb="347">
      <t>オオテマチ</t>
    </rPh>
    <rPh sb="348" eb="350">
      <t>チョウメ</t>
    </rPh>
    <rPh sb="351" eb="352">
      <t>バン</t>
    </rPh>
    <rPh sb="353" eb="354">
      <t>ゴウ</t>
    </rPh>
    <rPh sb="356" eb="359">
      <t>オオイタケン</t>
    </rPh>
    <rPh sb="359" eb="361">
      <t>フクシ</t>
    </rPh>
    <rPh sb="361" eb="364">
      <t>ホケンブ</t>
    </rPh>
    <rPh sb="364" eb="367">
      <t>コウレイシャ</t>
    </rPh>
    <rPh sb="367" eb="370">
      <t>フクシカ</t>
    </rPh>
    <rPh sb="370" eb="372">
      <t>カイゴ</t>
    </rPh>
    <rPh sb="372" eb="374">
      <t>ホケン</t>
    </rPh>
    <rPh sb="374" eb="376">
      <t>スイシン</t>
    </rPh>
    <rPh sb="376" eb="377">
      <t>ハン</t>
    </rPh>
    <rPh sb="384" eb="386">
      <t>ヒツヨウ</t>
    </rPh>
    <rPh sb="386" eb="388">
      <t>ショルイ</t>
    </rPh>
    <rPh sb="390" eb="392">
      <t>ニンテイ</t>
    </rPh>
    <rPh sb="392" eb="394">
      <t>トクテイ</t>
    </rPh>
    <rPh sb="394" eb="396">
      <t>コウイ</t>
    </rPh>
    <rPh sb="396" eb="398">
      <t>ギョウム</t>
    </rPh>
    <rPh sb="398" eb="401">
      <t>ジュウジシャ</t>
    </rPh>
    <rPh sb="401" eb="404">
      <t>ニンテイショウ</t>
    </rPh>
    <rPh sb="405" eb="407">
      <t>ゲンポン</t>
    </rPh>
    <rPh sb="407" eb="409">
      <t>ショウメイ</t>
    </rPh>
    <rPh sb="409" eb="412">
      <t>シンセイショ</t>
    </rPh>
    <rPh sb="420" eb="423">
      <t>ヘンシンヨウ</t>
    </rPh>
    <rPh sb="424" eb="426">
      <t>フウトウ</t>
    </rPh>
    <rPh sb="427" eb="429">
      <t>フヨ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25" x14ac:knownFonts="1">
    <font>
      <sz val="11"/>
      <color theme="1"/>
      <name val="ＭＳ Ｐゴシック"/>
      <family val="2"/>
      <charset val="128"/>
      <scheme val="minor"/>
    </font>
    <font>
      <sz val="11"/>
      <color theme="1"/>
      <name val="ＭＳ Ｐゴシック"/>
      <family val="2"/>
      <charset val="128"/>
    </font>
    <font>
      <sz val="11"/>
      <color theme="1"/>
      <name val="ＭＳ Ｐゴシック"/>
      <family val="2"/>
      <charset val="128"/>
    </font>
    <font>
      <sz val="11"/>
      <color theme="1"/>
      <name val="ＭＳ Ｐゴシック"/>
      <family val="2"/>
      <charset val="128"/>
    </font>
    <font>
      <sz val="11"/>
      <color theme="1"/>
      <name val="ＭＳ Ｐゴシック"/>
      <family val="2"/>
      <charset val="128"/>
      <scheme val="minor"/>
    </font>
    <font>
      <sz val="6"/>
      <name val="ＭＳ Ｐゴシック"/>
      <family val="2"/>
      <charset val="128"/>
      <scheme val="minor"/>
    </font>
    <font>
      <sz val="12"/>
      <name val="ＭＳ Ｐ明朝"/>
      <family val="1"/>
      <charset val="128"/>
    </font>
    <font>
      <sz val="11"/>
      <color theme="1"/>
      <name val="ＭＳ Ｐゴシック"/>
      <family val="3"/>
      <charset val="128"/>
      <scheme val="minor"/>
    </font>
    <font>
      <u/>
      <sz val="11"/>
      <color theme="10"/>
      <name val="ＭＳ Ｐゴシック"/>
      <family val="2"/>
      <charset val="128"/>
      <scheme val="minor"/>
    </font>
    <font>
      <sz val="14"/>
      <color theme="1"/>
      <name val="HGPｺﾞｼｯｸM"/>
      <family val="3"/>
      <charset val="128"/>
    </font>
    <font>
      <sz val="11"/>
      <color theme="1"/>
      <name val="HGPｺﾞｼｯｸM"/>
      <family val="3"/>
      <charset val="128"/>
    </font>
    <font>
      <sz val="12"/>
      <color theme="1"/>
      <name val="HGPｺﾞｼｯｸM"/>
      <family val="3"/>
      <charset val="128"/>
    </font>
    <font>
      <b/>
      <sz val="14"/>
      <color theme="1"/>
      <name val="HGPｺﾞｼｯｸM"/>
      <family val="3"/>
      <charset val="128"/>
    </font>
    <font>
      <sz val="13"/>
      <color theme="1"/>
      <name val="HGPｺﾞｼｯｸM"/>
      <family val="3"/>
      <charset val="128"/>
    </font>
    <font>
      <sz val="13"/>
      <color theme="1"/>
      <name val="ＭＳ Ｐゴシック"/>
      <family val="2"/>
      <charset val="128"/>
      <scheme val="minor"/>
    </font>
    <font>
      <b/>
      <sz val="20"/>
      <color theme="1"/>
      <name val="HGPｺﾞｼｯｸM"/>
      <family val="3"/>
      <charset val="128"/>
    </font>
    <font>
      <u/>
      <sz val="11"/>
      <color theme="10"/>
      <name val="HGPｺﾞｼｯｸM"/>
      <family val="3"/>
      <charset val="128"/>
    </font>
    <font>
      <sz val="10"/>
      <color theme="1"/>
      <name val="HGPｺﾞｼｯｸM"/>
      <family val="3"/>
      <charset val="128"/>
    </font>
    <font>
      <sz val="11"/>
      <color theme="1"/>
      <name val="HGSｺﾞｼｯｸM"/>
      <family val="3"/>
      <charset val="128"/>
    </font>
    <font>
      <sz val="12"/>
      <color theme="1"/>
      <name val="HGSｺﾞｼｯｸM"/>
      <family val="3"/>
      <charset val="128"/>
    </font>
    <font>
      <sz val="10"/>
      <color theme="1"/>
      <name val="ＭＳ Ｐゴシック"/>
      <family val="2"/>
      <charset val="128"/>
      <scheme val="minor"/>
    </font>
    <font>
      <b/>
      <sz val="18"/>
      <color theme="1"/>
      <name val="HGPｺﾞｼｯｸM"/>
      <family val="3"/>
      <charset val="128"/>
    </font>
    <font>
      <sz val="14"/>
      <color rgb="FFFF0000"/>
      <name val="HGPｺﾞｼｯｸM"/>
      <family val="3"/>
      <charset val="128"/>
    </font>
    <font>
      <sz val="14"/>
      <name val="HGPｺﾞｼｯｸM"/>
      <family val="3"/>
      <charset val="128"/>
    </font>
    <font>
      <u val="double"/>
      <sz val="14"/>
      <name val="HGPｺﾞｼｯｸM"/>
      <family val="3"/>
      <charset val="128"/>
    </font>
  </fonts>
  <fills count="2">
    <fill>
      <patternFill patternType="none"/>
    </fill>
    <fill>
      <patternFill patternType="gray125"/>
    </fill>
  </fills>
  <borders count="22">
    <border>
      <left/>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hair">
        <color auto="1"/>
      </left>
      <right/>
      <top style="hair">
        <color auto="1"/>
      </top>
      <bottom style="hair">
        <color auto="1"/>
      </bottom>
      <diagonal/>
    </border>
    <border>
      <left/>
      <right/>
      <top style="hair">
        <color auto="1"/>
      </top>
      <bottom style="hair">
        <color auto="1"/>
      </bottom>
      <diagonal/>
    </border>
    <border>
      <left/>
      <right style="hair">
        <color auto="1"/>
      </right>
      <top style="hair">
        <color auto="1"/>
      </top>
      <bottom style="hair">
        <color auto="1"/>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s>
  <cellStyleXfs count="15">
    <xf numFmtId="0" fontId="0" fillId="0" borderId="0">
      <alignment vertical="center"/>
    </xf>
    <xf numFmtId="0" fontId="6" fillId="0" borderId="0"/>
    <xf numFmtId="0" fontId="7" fillId="0" borderId="0">
      <alignment vertical="center"/>
    </xf>
    <xf numFmtId="0" fontId="4" fillId="0" borderId="0">
      <alignment vertical="center"/>
    </xf>
    <xf numFmtId="0" fontId="6" fillId="0" borderId="0"/>
    <xf numFmtId="0" fontId="4" fillId="0" borderId="0">
      <alignment vertical="center"/>
    </xf>
    <xf numFmtId="0" fontId="4" fillId="0" borderId="0">
      <alignment vertical="center"/>
    </xf>
    <xf numFmtId="0" fontId="7" fillId="0" borderId="0">
      <alignment vertical="center"/>
    </xf>
    <xf numFmtId="0" fontId="4" fillId="0" borderId="0">
      <alignment vertical="center"/>
    </xf>
    <xf numFmtId="0" fontId="4" fillId="0" borderId="0">
      <alignment vertical="center"/>
    </xf>
    <xf numFmtId="0" fontId="8" fillId="0" borderId="0" applyNumberFormat="0" applyFill="0" applyBorder="0" applyAlignment="0" applyProtection="0">
      <alignment vertical="center"/>
    </xf>
    <xf numFmtId="0" fontId="6" fillId="0" borderId="0"/>
    <xf numFmtId="0" fontId="3" fillId="0" borderId="0">
      <alignment vertical="center"/>
    </xf>
    <xf numFmtId="0" fontId="2" fillId="0" borderId="0">
      <alignment vertical="center"/>
    </xf>
    <xf numFmtId="0" fontId="1" fillId="0" borderId="0">
      <alignment vertical="center"/>
    </xf>
  </cellStyleXfs>
  <cellXfs count="114">
    <xf numFmtId="0" fontId="0" fillId="0" borderId="0" xfId="0">
      <alignment vertical="center"/>
    </xf>
    <xf numFmtId="0" fontId="9" fillId="0" borderId="0" xfId="0" applyFont="1">
      <alignment vertical="center"/>
    </xf>
    <xf numFmtId="0" fontId="11" fillId="0" borderId="0" xfId="0" applyFont="1" applyAlignment="1">
      <alignment vertical="center"/>
    </xf>
    <xf numFmtId="0" fontId="11" fillId="0" borderId="0" xfId="0" applyFont="1">
      <alignment vertical="center"/>
    </xf>
    <xf numFmtId="0" fontId="10" fillId="0" borderId="0" xfId="0" applyFont="1">
      <alignment vertical="center"/>
    </xf>
    <xf numFmtId="0" fontId="13" fillId="0" borderId="0" xfId="0" applyFont="1" applyBorder="1" applyAlignment="1">
      <alignment horizontal="left" vertical="center"/>
    </xf>
    <xf numFmtId="0" fontId="13" fillId="0" borderId="0" xfId="0" applyFont="1">
      <alignment vertical="center"/>
    </xf>
    <xf numFmtId="0" fontId="9" fillId="0" borderId="0" xfId="0" applyFont="1" applyAlignment="1">
      <alignment vertical="top" wrapText="1"/>
    </xf>
    <xf numFmtId="0" fontId="15" fillId="0" borderId="0" xfId="0" applyFont="1" applyBorder="1" applyAlignment="1">
      <alignment vertical="center" wrapText="1"/>
    </xf>
    <xf numFmtId="0" fontId="16" fillId="0" borderId="0" xfId="10" applyFont="1" applyAlignment="1">
      <alignment vertical="center"/>
    </xf>
    <xf numFmtId="0" fontId="11" fillId="0" borderId="0" xfId="0" applyFont="1" applyAlignment="1">
      <alignment vertical="center"/>
    </xf>
    <xf numFmtId="0" fontId="0" fillId="0" borderId="6" xfId="0" applyBorder="1" applyAlignment="1">
      <alignment vertical="center"/>
    </xf>
    <xf numFmtId="0" fontId="11" fillId="0" borderId="0" xfId="0" applyFont="1" applyAlignment="1">
      <alignment horizontal="distributed" vertical="center"/>
    </xf>
    <xf numFmtId="0" fontId="13" fillId="0" borderId="0" xfId="0" applyFont="1" applyAlignment="1">
      <alignment vertical="center"/>
    </xf>
    <xf numFmtId="49" fontId="13" fillId="0" borderId="0" xfId="0" applyNumberFormat="1" applyFont="1">
      <alignment vertical="center"/>
    </xf>
    <xf numFmtId="0" fontId="13" fillId="0" borderId="0" xfId="0" applyFont="1" applyAlignment="1">
      <alignment horizontal="distributed" vertical="center"/>
    </xf>
    <xf numFmtId="0" fontId="13" fillId="0" borderId="0" xfId="0" applyFont="1" applyFill="1" applyAlignment="1">
      <alignment horizontal="left" vertical="center" indent="1"/>
    </xf>
    <xf numFmtId="0" fontId="13" fillId="0" borderId="0" xfId="0" applyFont="1" applyFill="1">
      <alignment vertical="center"/>
    </xf>
    <xf numFmtId="0" fontId="13" fillId="0" borderId="0" xfId="0" applyFont="1" applyAlignment="1">
      <alignment vertical="center"/>
    </xf>
    <xf numFmtId="0" fontId="13" fillId="0" borderId="0" xfId="0" applyFont="1" applyAlignment="1">
      <alignment horizontal="left" vertical="center" indent="1"/>
    </xf>
    <xf numFmtId="0" fontId="13" fillId="0" borderId="0" xfId="0" applyFont="1" applyAlignment="1">
      <alignment horizontal="center" vertical="center"/>
    </xf>
    <xf numFmtId="0" fontId="13" fillId="0" borderId="0" xfId="0" applyFont="1" applyAlignment="1">
      <alignment horizontal="left" vertical="center"/>
    </xf>
    <xf numFmtId="176" fontId="13" fillId="0" borderId="0" xfId="0" applyNumberFormat="1" applyFont="1" applyFill="1" applyAlignment="1">
      <alignment horizontal="distributed" vertical="center"/>
    </xf>
    <xf numFmtId="0" fontId="0" fillId="0" borderId="0" xfId="0" applyAlignment="1">
      <alignment horizontal="center" vertical="center" wrapText="1"/>
    </xf>
    <xf numFmtId="0" fontId="0" fillId="0" borderId="3" xfId="0" applyBorder="1" applyAlignment="1">
      <alignment vertical="center"/>
    </xf>
    <xf numFmtId="0" fontId="0" fillId="0" borderId="4" xfId="0" applyBorder="1" applyAlignment="1">
      <alignment vertical="center"/>
    </xf>
    <xf numFmtId="0" fontId="0" fillId="0" borderId="1" xfId="0" applyBorder="1" applyAlignment="1">
      <alignment vertical="center"/>
    </xf>
    <xf numFmtId="0" fontId="13" fillId="0" borderId="2" xfId="0" applyFont="1" applyBorder="1" applyAlignment="1">
      <alignment horizontal="left" vertical="center"/>
    </xf>
    <xf numFmtId="0" fontId="14" fillId="0" borderId="0" xfId="0" applyFont="1" applyAlignment="1">
      <alignment vertical="center"/>
    </xf>
    <xf numFmtId="0" fontId="0" fillId="0" borderId="0" xfId="0" applyBorder="1" applyAlignment="1">
      <alignment vertical="center"/>
    </xf>
    <xf numFmtId="0" fontId="13" fillId="0" borderId="0" xfId="0" applyFont="1" applyBorder="1" applyAlignment="1">
      <alignment horizontal="center" vertical="center" wrapText="1"/>
    </xf>
    <xf numFmtId="0" fontId="18" fillId="0" borderId="0" xfId="0" applyFont="1" applyBorder="1" applyAlignment="1">
      <alignment vertical="center" wrapText="1"/>
    </xf>
    <xf numFmtId="0" fontId="18" fillId="0" borderId="0" xfId="0" applyFont="1" applyAlignment="1">
      <alignment vertical="center"/>
    </xf>
    <xf numFmtId="49" fontId="10" fillId="0" borderId="0" xfId="0" applyNumberFormat="1" applyFont="1">
      <alignment vertical="center"/>
    </xf>
    <xf numFmtId="0" fontId="13" fillId="0" borderId="3" xfId="0" applyFont="1" applyBorder="1" applyAlignment="1">
      <alignment vertical="center"/>
    </xf>
    <xf numFmtId="0" fontId="13" fillId="0" borderId="5" xfId="0" applyFont="1" applyBorder="1" applyAlignment="1">
      <alignment horizontal="left" vertical="center"/>
    </xf>
    <xf numFmtId="0" fontId="13" fillId="0" borderId="1" xfId="0" applyFont="1" applyBorder="1" applyAlignment="1">
      <alignment vertical="center"/>
    </xf>
    <xf numFmtId="0" fontId="13" fillId="0" borderId="11" xfId="0" applyFont="1" applyBorder="1" applyAlignment="1">
      <alignment horizontal="center" vertical="center"/>
    </xf>
    <xf numFmtId="0" fontId="13" fillId="0" borderId="10" xfId="0" applyFont="1" applyBorder="1" applyAlignment="1">
      <alignment horizontal="left" vertical="center"/>
    </xf>
    <xf numFmtId="0" fontId="13" fillId="0" borderId="15" xfId="0" applyFont="1" applyBorder="1" applyAlignment="1">
      <alignment horizontal="left" vertical="center"/>
    </xf>
    <xf numFmtId="0" fontId="13" fillId="0" borderId="16" xfId="0" applyFont="1" applyBorder="1" applyAlignment="1">
      <alignment vertical="center"/>
    </xf>
    <xf numFmtId="0" fontId="13" fillId="0" borderId="3" xfId="0" applyFont="1" applyBorder="1" applyAlignment="1">
      <alignment horizontal="left" vertical="center"/>
    </xf>
    <xf numFmtId="0" fontId="13" fillId="0" borderId="4" xfId="0" applyFont="1" applyBorder="1" applyAlignment="1">
      <alignment vertical="center"/>
    </xf>
    <xf numFmtId="0" fontId="13" fillId="0" borderId="16" xfId="0" applyFont="1" applyBorder="1" applyAlignment="1">
      <alignment horizontal="left" vertical="center"/>
    </xf>
    <xf numFmtId="0" fontId="14" fillId="0" borderId="10" xfId="0" applyFont="1" applyBorder="1" applyAlignment="1">
      <alignment vertical="center"/>
    </xf>
    <xf numFmtId="0" fontId="11" fillId="0" borderId="0" xfId="0" applyFont="1" applyAlignment="1">
      <alignment vertical="center"/>
    </xf>
    <xf numFmtId="0" fontId="10" fillId="0" borderId="0" xfId="0" applyFont="1" applyAlignment="1">
      <alignment vertical="center"/>
    </xf>
    <xf numFmtId="0" fontId="21" fillId="0" borderId="0" xfId="0" applyFont="1" applyBorder="1" applyAlignment="1">
      <alignment vertical="center" wrapText="1"/>
    </xf>
    <xf numFmtId="0" fontId="9" fillId="0" borderId="0" xfId="0" applyFont="1" applyAlignment="1">
      <alignment vertical="top" wrapText="1"/>
    </xf>
    <xf numFmtId="0" fontId="10" fillId="0" borderId="0" xfId="0" applyFont="1" applyAlignment="1">
      <alignment vertical="top" wrapText="1"/>
    </xf>
    <xf numFmtId="0" fontId="13" fillId="0" borderId="0" xfId="0" applyFont="1" applyFill="1" applyAlignment="1">
      <alignment horizontal="distributed" vertical="center"/>
    </xf>
    <xf numFmtId="176" fontId="13" fillId="0" borderId="0" xfId="0" applyNumberFormat="1" applyFont="1" applyFill="1" applyAlignment="1">
      <alignment horizontal="distributed" vertical="center"/>
    </xf>
    <xf numFmtId="0" fontId="13" fillId="0" borderId="0" xfId="0" applyFont="1" applyAlignment="1">
      <alignment horizontal="center" vertical="center" wrapText="1"/>
    </xf>
    <xf numFmtId="0" fontId="13" fillId="0" borderId="0" xfId="0" applyFont="1" applyAlignment="1">
      <alignment horizontal="center" vertical="center"/>
    </xf>
    <xf numFmtId="0" fontId="13" fillId="0" borderId="0" xfId="0" applyFont="1" applyAlignment="1">
      <alignment vertical="center"/>
    </xf>
    <xf numFmtId="0" fontId="14" fillId="0" borderId="0" xfId="0" applyFont="1" applyAlignment="1">
      <alignment vertical="center"/>
    </xf>
    <xf numFmtId="0" fontId="13" fillId="0" borderId="0" xfId="0" applyFont="1" applyAlignment="1">
      <alignment vertical="distributed" wrapText="1"/>
    </xf>
    <xf numFmtId="0" fontId="14" fillId="0" borderId="0" xfId="0" applyFont="1" applyAlignment="1">
      <alignment vertical="center" wrapText="1"/>
    </xf>
    <xf numFmtId="0" fontId="0" fillId="0" borderId="0" xfId="0" applyAlignment="1">
      <alignment vertical="center"/>
    </xf>
    <xf numFmtId="0" fontId="18" fillId="0" borderId="12" xfId="0" applyFont="1" applyBorder="1" applyAlignment="1">
      <alignment horizontal="left" vertical="center" wrapText="1"/>
    </xf>
    <xf numFmtId="0" fontId="18" fillId="0" borderId="13" xfId="0" applyFont="1" applyBorder="1" applyAlignment="1">
      <alignment horizontal="left" vertical="center" wrapText="1"/>
    </xf>
    <xf numFmtId="0" fontId="18" fillId="0" borderId="14" xfId="0" applyFont="1" applyBorder="1" applyAlignment="1">
      <alignment horizontal="left" vertical="center" wrapText="1"/>
    </xf>
    <xf numFmtId="0" fontId="13" fillId="0" borderId="7" xfId="0" applyFont="1" applyBorder="1" applyAlignment="1">
      <alignment horizontal="center" vertical="center" wrapText="1"/>
    </xf>
    <xf numFmtId="0" fontId="0" fillId="0" borderId="9" xfId="0" applyBorder="1" applyAlignment="1">
      <alignment horizontal="center" vertical="center" wrapText="1"/>
    </xf>
    <xf numFmtId="0" fontId="0" fillId="0" borderId="7" xfId="0" applyBorder="1" applyAlignment="1">
      <alignment horizontal="center" vertical="center" wrapText="1"/>
    </xf>
    <xf numFmtId="0" fontId="10" fillId="0" borderId="7" xfId="0" applyFont="1" applyBorder="1" applyAlignment="1">
      <alignment horizontal="center" vertical="center" wrapText="1"/>
    </xf>
    <xf numFmtId="0" fontId="10" fillId="0" borderId="9" xfId="0" applyFont="1" applyBorder="1" applyAlignment="1">
      <alignment horizontal="center" vertical="center" wrapText="1"/>
    </xf>
    <xf numFmtId="0" fontId="13" fillId="0" borderId="7" xfId="0" applyFont="1" applyBorder="1" applyAlignment="1">
      <alignment horizontal="center" vertical="center"/>
    </xf>
    <xf numFmtId="0" fontId="0" fillId="0" borderId="9" xfId="0" applyBorder="1" applyAlignment="1">
      <alignment horizontal="center" vertical="center"/>
    </xf>
    <xf numFmtId="0" fontId="0" fillId="0" borderId="7" xfId="0" applyBorder="1" applyAlignment="1">
      <alignment horizontal="center" vertical="center"/>
    </xf>
    <xf numFmtId="0" fontId="0" fillId="0" borderId="7" xfId="0" applyBorder="1" applyAlignment="1">
      <alignment vertical="center"/>
    </xf>
    <xf numFmtId="0" fontId="0" fillId="0" borderId="9" xfId="0" applyBorder="1" applyAlignment="1">
      <alignment vertical="center"/>
    </xf>
    <xf numFmtId="0" fontId="19" fillId="0" borderId="5" xfId="0" applyFont="1" applyBorder="1" applyAlignment="1">
      <alignment vertical="center" wrapText="1"/>
    </xf>
    <xf numFmtId="0" fontId="19" fillId="0" borderId="1" xfId="0" applyFont="1" applyBorder="1" applyAlignment="1">
      <alignment vertical="center"/>
    </xf>
    <xf numFmtId="0" fontId="19" fillId="0" borderId="6" xfId="0" applyFont="1" applyBorder="1" applyAlignment="1">
      <alignment vertical="center"/>
    </xf>
    <xf numFmtId="0" fontId="13" fillId="0" borderId="10" xfId="0" applyFont="1" applyBorder="1" applyAlignment="1">
      <alignment horizontal="left" vertical="center" wrapText="1"/>
    </xf>
    <xf numFmtId="0" fontId="0" fillId="0" borderId="0" xfId="0" applyBorder="1" applyAlignment="1">
      <alignment vertical="center"/>
    </xf>
    <xf numFmtId="0" fontId="0" fillId="0" borderId="11" xfId="0" applyBorder="1" applyAlignment="1">
      <alignment vertical="center"/>
    </xf>
    <xf numFmtId="0" fontId="0" fillId="0" borderId="8" xfId="0" applyBorder="1" applyAlignment="1">
      <alignment vertical="center"/>
    </xf>
    <xf numFmtId="0" fontId="13" fillId="0" borderId="10" xfId="0" applyFont="1" applyBorder="1" applyAlignment="1">
      <alignment horizontal="left" vertical="center"/>
    </xf>
    <xf numFmtId="0" fontId="13" fillId="0" borderId="0" xfId="0" applyFont="1" applyBorder="1" applyAlignment="1">
      <alignment vertical="center"/>
    </xf>
    <xf numFmtId="49" fontId="13" fillId="0" borderId="7" xfId="0" applyNumberFormat="1" applyFont="1" applyBorder="1" applyAlignment="1">
      <alignment horizontal="center" vertical="center" wrapText="1"/>
    </xf>
    <xf numFmtId="0" fontId="13" fillId="0" borderId="7" xfId="0" applyFont="1" applyBorder="1" applyAlignment="1">
      <alignment horizontal="left" vertical="center"/>
    </xf>
    <xf numFmtId="0" fontId="17" fillId="0" borderId="5" xfId="0" applyFont="1" applyBorder="1" applyAlignment="1">
      <alignment horizontal="left" vertical="center" wrapText="1"/>
    </xf>
    <xf numFmtId="0" fontId="20" fillId="0" borderId="1" xfId="0" applyFont="1" applyBorder="1" applyAlignment="1">
      <alignment horizontal="left" vertical="center" wrapText="1"/>
    </xf>
    <xf numFmtId="0" fontId="20" fillId="0" borderId="6" xfId="0" applyFont="1" applyBorder="1" applyAlignment="1">
      <alignment horizontal="left" vertical="center" wrapText="1"/>
    </xf>
    <xf numFmtId="0" fontId="13" fillId="0" borderId="0" xfId="0" applyFont="1" applyBorder="1" applyAlignment="1">
      <alignment horizontal="left" vertical="center"/>
    </xf>
    <xf numFmtId="0" fontId="13" fillId="0" borderId="2" xfId="0" applyFont="1" applyBorder="1" applyAlignment="1">
      <alignment horizontal="left" vertical="center"/>
    </xf>
    <xf numFmtId="0" fontId="0" fillId="0" borderId="3" xfId="0" applyBorder="1" applyAlignment="1">
      <alignment vertical="center"/>
    </xf>
    <xf numFmtId="0" fontId="0" fillId="0" borderId="4" xfId="0" applyBorder="1" applyAlignment="1">
      <alignment vertical="center"/>
    </xf>
    <xf numFmtId="0" fontId="0" fillId="0" borderId="0" xfId="0" applyAlignment="1">
      <alignment horizontal="center" vertical="center" wrapText="1"/>
    </xf>
    <xf numFmtId="0" fontId="13" fillId="0" borderId="7" xfId="0" applyFont="1" applyFill="1" applyBorder="1" applyAlignment="1">
      <alignment horizontal="center" vertical="center"/>
    </xf>
    <xf numFmtId="0" fontId="13" fillId="0" borderId="8" xfId="0" applyFont="1" applyBorder="1" applyAlignment="1">
      <alignment horizontal="center" vertical="center"/>
    </xf>
    <xf numFmtId="0" fontId="0" fillId="0" borderId="8" xfId="0" applyBorder="1" applyAlignment="1">
      <alignment horizontal="center" vertical="center"/>
    </xf>
    <xf numFmtId="0" fontId="13" fillId="0" borderId="2" xfId="0" applyFont="1" applyFill="1" applyBorder="1" applyAlignment="1">
      <alignment horizontal="center"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13" fillId="0" borderId="2" xfId="0" applyFont="1" applyFill="1" applyBorder="1" applyAlignment="1">
      <alignment horizontal="left" vertical="center"/>
    </xf>
    <xf numFmtId="0" fontId="13" fillId="0" borderId="17" xfId="0" applyFont="1" applyBorder="1" applyAlignment="1">
      <alignment horizontal="left" vertical="center"/>
    </xf>
    <xf numFmtId="0" fontId="0" fillId="0" borderId="18" xfId="0" applyBorder="1" applyAlignment="1">
      <alignment vertical="center"/>
    </xf>
    <xf numFmtId="0" fontId="0" fillId="0" borderId="19" xfId="0" applyBorder="1" applyAlignment="1">
      <alignment vertical="center"/>
    </xf>
    <xf numFmtId="0" fontId="13" fillId="0" borderId="19" xfId="0" applyFont="1" applyBorder="1" applyAlignment="1">
      <alignment vertical="center"/>
    </xf>
    <xf numFmtId="0" fontId="0" fillId="0" borderId="20" xfId="0" applyBorder="1" applyAlignment="1">
      <alignment vertical="center"/>
    </xf>
    <xf numFmtId="0" fontId="0" fillId="0" borderId="21" xfId="0" applyBorder="1" applyAlignment="1">
      <alignment vertical="center"/>
    </xf>
    <xf numFmtId="0" fontId="13" fillId="0" borderId="5" xfId="0" applyFont="1" applyBorder="1" applyAlignment="1">
      <alignment horizontal="left" vertical="center"/>
    </xf>
    <xf numFmtId="0" fontId="0" fillId="0" borderId="1" xfId="0" applyBorder="1" applyAlignment="1">
      <alignment vertical="center"/>
    </xf>
    <xf numFmtId="0" fontId="13" fillId="0" borderId="1" xfId="0" applyFont="1" applyBorder="1" applyAlignment="1">
      <alignment vertical="center"/>
    </xf>
    <xf numFmtId="0" fontId="0" fillId="0" borderId="6" xfId="0" applyBorder="1" applyAlignment="1">
      <alignment vertical="center"/>
    </xf>
    <xf numFmtId="0" fontId="13" fillId="0" borderId="2" xfId="0" applyFont="1" applyBorder="1" applyAlignment="1">
      <alignment vertical="center"/>
    </xf>
    <xf numFmtId="0" fontId="0" fillId="0" borderId="5" xfId="0" applyBorder="1" applyAlignment="1">
      <alignment vertical="center"/>
    </xf>
    <xf numFmtId="0" fontId="13" fillId="0" borderId="2" xfId="0" applyFont="1" applyBorder="1" applyAlignment="1">
      <alignment horizontal="center" vertical="center"/>
    </xf>
    <xf numFmtId="0" fontId="0" fillId="0" borderId="3" xfId="0" applyBorder="1" applyAlignment="1">
      <alignment horizontal="center" vertical="center"/>
    </xf>
    <xf numFmtId="0" fontId="0" fillId="0" borderId="1" xfId="0" applyBorder="1" applyAlignment="1">
      <alignment horizontal="center" vertical="center"/>
    </xf>
  </cellXfs>
  <cellStyles count="15">
    <cellStyle name="ハイパーリンク" xfId="10" builtinId="8"/>
    <cellStyle name="標準" xfId="0" builtinId="0"/>
    <cellStyle name="標準 2" xfId="1"/>
    <cellStyle name="標準 2 2" xfId="2"/>
    <cellStyle name="標準 3" xfId="3"/>
    <cellStyle name="標準 3 2" xfId="4"/>
    <cellStyle name="標準 3 2 2" xfId="11"/>
    <cellStyle name="標準 3 3" xfId="5"/>
    <cellStyle name="標準 3 4" xfId="6"/>
    <cellStyle name="標準 4" xfId="7"/>
    <cellStyle name="標準 5" xfId="8"/>
    <cellStyle name="標準 6" xfId="9"/>
    <cellStyle name="標準 7" xfId="12"/>
    <cellStyle name="標準 7 2" xfId="13"/>
    <cellStyle name="標準 7 2 2" xfId="1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15192\Desktop\&#20196;&#21644;&#20803;&#24180;&#24230;&#21888;&#30192;&#21560;&#24341;&#26032;&#35215;&#30331;&#37682;&#20107;&#26989;&#32773;&#12522;&#12473;&#12488;(&#20803;&#24180;&#34920;&#31034;&#65289;&#2080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不特定登録簿（R元年度実施）"/>
      <sheetName val="不特定登録簿 (H３０年度実施)"/>
      <sheetName val="R元年度実施予定"/>
      <sheetName val="実態調査通知"/>
      <sheetName val="実態調査計画書"/>
      <sheetName val="チェックリスト"/>
      <sheetName val="R元年度 (研修機関) "/>
      <sheetName val="チェックリスト（研修機関用）"/>
      <sheetName val="Sheet2"/>
    </sheetNames>
    <sheetDataSet>
      <sheetData sheetId="0" refreshError="1"/>
      <sheetData sheetId="1" refreshError="1"/>
      <sheetData sheetId="2" refreshError="1"/>
      <sheetData sheetId="3"/>
      <sheetData sheetId="4">
        <row r="1">
          <cell r="A1" t="str">
            <v>登録番号</v>
          </cell>
          <cell r="B1" t="str">
            <v>登録年月日</v>
          </cell>
          <cell r="C1" t="str">
            <v>事業所名</v>
          </cell>
          <cell r="D1" t="str">
            <v>所在市町村</v>
          </cell>
          <cell r="E1" t="str">
            <v>法人名</v>
          </cell>
          <cell r="F1" t="str">
            <v>代表者職</v>
          </cell>
          <cell r="G1" t="str">
            <v>代表者名</v>
          </cell>
          <cell r="H1" t="str">
            <v>文書番号</v>
          </cell>
          <cell r="I1" t="str">
            <v>発送日</v>
          </cell>
          <cell r="J1" t="str">
            <v>調査年月日</v>
          </cell>
          <cell r="K1" t="str">
            <v>曜日</v>
          </cell>
          <cell r="L1" t="str">
            <v>時間</v>
          </cell>
          <cell r="M1" t="str">
            <v>～</v>
          </cell>
          <cell r="N1" t="str">
            <v>時間</v>
          </cell>
          <cell r="O1" t="str">
            <v>調査結果　　　○：問題無し　　　　　△：要経過観察　　　×：要再調査　　　　□：実施無し</v>
          </cell>
        </row>
        <row r="2">
          <cell r="A2">
            <v>441000028</v>
          </cell>
          <cell r="B2">
            <v>41000</v>
          </cell>
          <cell r="C2" t="str">
            <v>特別養護老人ホームやすらぎ荘</v>
          </cell>
          <cell r="D2" t="str">
            <v>中津市耶馬溪町大字樋山路1番地1</v>
          </cell>
          <cell r="E2" t="str">
            <v>社会福祉法人中津市社会福祉協議会</v>
          </cell>
          <cell r="F2" t="str">
            <v>会長</v>
          </cell>
          <cell r="G2" t="str">
            <v>松下　　太</v>
          </cell>
          <cell r="H2" t="str">
            <v>７２４</v>
          </cell>
          <cell r="I2">
            <v>43626</v>
          </cell>
          <cell r="J2">
            <v>43635</v>
          </cell>
          <cell r="K2" t="str">
            <v>水</v>
          </cell>
          <cell r="L2" t="str">
            <v>11:00</v>
          </cell>
          <cell r="M2" t="str">
            <v>～</v>
          </cell>
          <cell r="N2" t="str">
            <v>12:00</v>
          </cell>
        </row>
        <row r="3">
          <cell r="A3">
            <v>441000063</v>
          </cell>
          <cell r="B3">
            <v>41000</v>
          </cell>
          <cell r="C3" t="str">
            <v>特別養護老人ホーム悠久の里</v>
          </cell>
          <cell r="D3" t="str">
            <v>中津市大字永添945番地</v>
          </cell>
          <cell r="E3" t="str">
            <v>社会福祉法人三光会</v>
          </cell>
          <cell r="F3" t="str">
            <v>理事長</v>
          </cell>
          <cell r="G3" t="str">
            <v>那須　千代</v>
          </cell>
          <cell r="H3" t="str">
            <v>７２４</v>
          </cell>
          <cell r="I3">
            <v>43626</v>
          </cell>
          <cell r="J3">
            <v>43635</v>
          </cell>
          <cell r="K3" t="str">
            <v>水</v>
          </cell>
          <cell r="L3" t="str">
            <v>15:00</v>
          </cell>
          <cell r="M3" t="str">
            <v>～</v>
          </cell>
          <cell r="N3" t="str">
            <v>16:00</v>
          </cell>
        </row>
        <row r="4">
          <cell r="A4">
            <v>441000064</v>
          </cell>
          <cell r="B4">
            <v>41000</v>
          </cell>
          <cell r="C4" t="str">
            <v>短期入所事業悠久の里</v>
          </cell>
          <cell r="D4" t="str">
            <v>中津市大字永添945番地</v>
          </cell>
          <cell r="E4" t="str">
            <v>社会福祉法人三光会</v>
          </cell>
          <cell r="F4" t="str">
            <v>理事長</v>
          </cell>
          <cell r="G4" t="str">
            <v>那須　千代</v>
          </cell>
          <cell r="H4" t="str">
            <v>７２４</v>
          </cell>
          <cell r="I4">
            <v>43626</v>
          </cell>
          <cell r="J4">
            <v>43635</v>
          </cell>
          <cell r="K4" t="str">
            <v>水</v>
          </cell>
          <cell r="L4" t="str">
            <v>15:00</v>
          </cell>
          <cell r="M4" t="str">
            <v>～</v>
          </cell>
          <cell r="N4" t="str">
            <v>16:00</v>
          </cell>
        </row>
        <row r="5">
          <cell r="A5">
            <v>441000359</v>
          </cell>
          <cell r="B5">
            <v>43221</v>
          </cell>
          <cell r="C5" t="str">
            <v>宇佐市立特別養護老人ホーム妙見荘（ショートステイ）</v>
          </cell>
          <cell r="D5" t="str">
            <v>宇佐市院内町御沓488番地の1</v>
          </cell>
          <cell r="E5" t="str">
            <v>社会福祉法人芽豆羅の里</v>
          </cell>
          <cell r="F5" t="str">
            <v>理事長</v>
          </cell>
          <cell r="G5" t="str">
            <v>宗像　文世</v>
          </cell>
          <cell r="H5" t="str">
            <v>７２４</v>
          </cell>
          <cell r="I5">
            <v>43626</v>
          </cell>
          <cell r="J5">
            <v>43642</v>
          </cell>
          <cell r="K5" t="str">
            <v>水</v>
          </cell>
          <cell r="L5" t="str">
            <v>10:30</v>
          </cell>
          <cell r="M5" t="str">
            <v>～</v>
          </cell>
          <cell r="N5" t="str">
            <v>11:30</v>
          </cell>
        </row>
        <row r="6">
          <cell r="A6">
            <v>441000377</v>
          </cell>
          <cell r="B6">
            <v>43344</v>
          </cell>
          <cell r="C6" t="str">
            <v>ヘルパーステーション宇佐</v>
          </cell>
          <cell r="D6" t="str">
            <v>宇佐市大字下高451番地の5</v>
          </cell>
          <cell r="E6" t="str">
            <v>特定非営利活動法人太陽</v>
          </cell>
          <cell r="F6" t="str">
            <v>理事長</v>
          </cell>
          <cell r="G6" t="str">
            <v>東　　新治</v>
          </cell>
          <cell r="H6" t="str">
            <v>７２４</v>
          </cell>
          <cell r="I6">
            <v>43626</v>
          </cell>
          <cell r="J6">
            <v>43642</v>
          </cell>
          <cell r="K6" t="str">
            <v>水</v>
          </cell>
          <cell r="L6" t="str">
            <v>13:00</v>
          </cell>
          <cell r="M6" t="str">
            <v>～</v>
          </cell>
          <cell r="N6" t="str">
            <v>14:00</v>
          </cell>
        </row>
        <row r="7">
          <cell r="A7">
            <v>441000351</v>
          </cell>
          <cell r="B7">
            <v>43160</v>
          </cell>
          <cell r="C7" t="str">
            <v>有料老人ホーム成光苑</v>
          </cell>
          <cell r="D7" t="str">
            <v>宇佐市下元重4-2</v>
          </cell>
          <cell r="E7" t="str">
            <v>有限会社恵の会</v>
          </cell>
          <cell r="F7" t="str">
            <v>代表取締役</v>
          </cell>
          <cell r="G7" t="str">
            <v>寺田　明生</v>
          </cell>
          <cell r="H7" t="str">
            <v>７２４</v>
          </cell>
          <cell r="I7">
            <v>43626</v>
          </cell>
          <cell r="J7">
            <v>43642</v>
          </cell>
          <cell r="K7" t="str">
            <v>水</v>
          </cell>
          <cell r="L7" t="str">
            <v>14:20</v>
          </cell>
          <cell r="M7" t="str">
            <v>～</v>
          </cell>
          <cell r="N7" t="str">
            <v>15:20</v>
          </cell>
        </row>
        <row r="8">
          <cell r="A8">
            <v>441000193</v>
          </cell>
          <cell r="B8">
            <v>41821</v>
          </cell>
          <cell r="C8" t="str">
            <v>ショートステイはるかぜ</v>
          </cell>
          <cell r="D8" t="str">
            <v>国東市国見町大熊毛字花開182番地</v>
          </cell>
          <cell r="E8" t="str">
            <v>医療法人ほとけの里</v>
          </cell>
          <cell r="F8" t="str">
            <v>理事長</v>
          </cell>
          <cell r="G8" t="str">
            <v>坪井　峯男</v>
          </cell>
          <cell r="H8" t="str">
            <v>７７８</v>
          </cell>
          <cell r="I8">
            <v>43630</v>
          </cell>
          <cell r="J8">
            <v>43649</v>
          </cell>
          <cell r="K8" t="str">
            <v>水</v>
          </cell>
          <cell r="L8" t="str">
            <v>11:00</v>
          </cell>
          <cell r="M8" t="str">
            <v>～</v>
          </cell>
          <cell r="N8" t="str">
            <v>12:00</v>
          </cell>
        </row>
        <row r="9">
          <cell r="A9">
            <v>441000201</v>
          </cell>
          <cell r="B9">
            <v>41883</v>
          </cell>
          <cell r="C9" t="str">
            <v>Ｇｒｕｐｐｏはるかぜ</v>
          </cell>
          <cell r="D9" t="str">
            <v>国東市国東町来浦2798番地</v>
          </cell>
          <cell r="E9" t="str">
            <v>医療法人ほとけの里</v>
          </cell>
          <cell r="F9" t="str">
            <v>理事長</v>
          </cell>
          <cell r="G9" t="str">
            <v>坪井　峯男</v>
          </cell>
          <cell r="H9" t="str">
            <v>７７８</v>
          </cell>
          <cell r="I9">
            <v>43630</v>
          </cell>
          <cell r="J9">
            <v>43649</v>
          </cell>
          <cell r="K9" t="str">
            <v>水</v>
          </cell>
          <cell r="L9" t="str">
            <v>13:10</v>
          </cell>
          <cell r="M9" t="str">
            <v>～</v>
          </cell>
          <cell r="N9" t="str">
            <v>14:10</v>
          </cell>
        </row>
        <row r="10">
          <cell r="A10">
            <v>441000157</v>
          </cell>
          <cell r="B10">
            <v>41518</v>
          </cell>
          <cell r="C10" t="str">
            <v>国東中央福祉センター訪問介護事業所</v>
          </cell>
          <cell r="D10" t="str">
            <v>国東市国東町北江3245番地4</v>
          </cell>
          <cell r="E10" t="str">
            <v>有限会社国東中央福祉センター</v>
          </cell>
          <cell r="F10" t="str">
            <v>代表取締役社長</v>
          </cell>
          <cell r="G10" t="str">
            <v>進　　輝政</v>
          </cell>
          <cell r="H10" t="str">
            <v>７７８</v>
          </cell>
          <cell r="I10">
            <v>43630</v>
          </cell>
          <cell r="J10">
            <v>43649</v>
          </cell>
          <cell r="K10" t="str">
            <v>水</v>
          </cell>
          <cell r="L10" t="str">
            <v>14:30</v>
          </cell>
          <cell r="M10" t="str">
            <v>～</v>
          </cell>
          <cell r="N10" t="str">
            <v>15:30</v>
          </cell>
        </row>
        <row r="11">
          <cell r="A11">
            <v>441000148</v>
          </cell>
          <cell r="B11">
            <v>41487</v>
          </cell>
          <cell r="C11" t="str">
            <v>介護老人保健施設メディケア亀寿苑</v>
          </cell>
          <cell r="D11" t="str">
            <v>国東市国東町田深665番1</v>
          </cell>
          <cell r="E11" t="str">
            <v>医療法人鶴玲会</v>
          </cell>
          <cell r="F11" t="str">
            <v>理事長</v>
          </cell>
          <cell r="G11" t="str">
            <v>末綱　幹雄</v>
          </cell>
          <cell r="H11" t="str">
            <v>７７８</v>
          </cell>
          <cell r="I11">
            <v>43630</v>
          </cell>
          <cell r="J11">
            <v>43656</v>
          </cell>
          <cell r="K11" t="str">
            <v>水</v>
          </cell>
          <cell r="L11" t="str">
            <v>10:30</v>
          </cell>
          <cell r="M11" t="str">
            <v>～</v>
          </cell>
          <cell r="N11" t="str">
            <v>11:30</v>
          </cell>
        </row>
        <row r="12">
          <cell r="A12">
            <v>441000050</v>
          </cell>
          <cell r="B12">
            <v>41000</v>
          </cell>
          <cell r="C12" t="str">
            <v>特別養護老人ホーム菩提樹</v>
          </cell>
          <cell r="D12" t="str">
            <v>杵築市大字日野1921番地の15</v>
          </cell>
          <cell r="E12" t="str">
            <v>社会福祉法人みのり村</v>
          </cell>
          <cell r="F12" t="str">
            <v>理事長</v>
          </cell>
          <cell r="G12" t="str">
            <v>大木　　隆</v>
          </cell>
          <cell r="H12" t="str">
            <v>７７８</v>
          </cell>
          <cell r="I12">
            <v>43630</v>
          </cell>
          <cell r="J12">
            <v>43656</v>
          </cell>
          <cell r="K12" t="str">
            <v>水</v>
          </cell>
          <cell r="L12" t="str">
            <v>13:00</v>
          </cell>
          <cell r="M12" t="str">
            <v>～</v>
          </cell>
          <cell r="N12" t="str">
            <v>14:00</v>
          </cell>
        </row>
        <row r="13">
          <cell r="A13">
            <v>441000375</v>
          </cell>
          <cell r="B13">
            <v>43344</v>
          </cell>
          <cell r="C13" t="str">
            <v>住宅型有料老人ホームすずらん</v>
          </cell>
          <cell r="D13" t="str">
            <v>速見郡日出町2100番1</v>
          </cell>
          <cell r="E13" t="str">
            <v>医療法人久寿会</v>
          </cell>
          <cell r="F13" t="str">
            <v>理事長</v>
          </cell>
          <cell r="G13" t="str">
            <v>鈴木　貫史</v>
          </cell>
          <cell r="H13" t="str">
            <v>７７８</v>
          </cell>
          <cell r="I13">
            <v>43630</v>
          </cell>
          <cell r="J13">
            <v>43656</v>
          </cell>
          <cell r="K13" t="str">
            <v>水</v>
          </cell>
          <cell r="L13" t="str">
            <v>14:30</v>
          </cell>
          <cell r="M13" t="str">
            <v>～</v>
          </cell>
          <cell r="N13" t="str">
            <v>15:30</v>
          </cell>
        </row>
        <row r="14">
          <cell r="A14">
            <v>441000390</v>
          </cell>
          <cell r="B14">
            <v>43525</v>
          </cell>
          <cell r="C14" t="str">
            <v>デイサービスセンターまれぞら</v>
          </cell>
          <cell r="D14" t="str">
            <v>速見郡日出町大字豊岡字辻間6100番250</v>
          </cell>
          <cell r="E14" t="str">
            <v>有限会社恵の会</v>
          </cell>
          <cell r="F14" t="str">
            <v>代表取締役</v>
          </cell>
          <cell r="G14" t="str">
            <v>寺田　明生</v>
          </cell>
          <cell r="H14" t="str">
            <v>７７８</v>
          </cell>
          <cell r="I14">
            <v>43630</v>
          </cell>
          <cell r="J14">
            <v>43663</v>
          </cell>
          <cell r="K14" t="str">
            <v>水</v>
          </cell>
          <cell r="L14" t="str">
            <v>10:30</v>
          </cell>
          <cell r="M14" t="str">
            <v>～</v>
          </cell>
          <cell r="N14" t="str">
            <v>11:30</v>
          </cell>
        </row>
        <row r="15">
          <cell r="A15">
            <v>441000072</v>
          </cell>
          <cell r="B15">
            <v>41000</v>
          </cell>
          <cell r="C15" t="str">
            <v>特別養護老人ホーム友和苑</v>
          </cell>
          <cell r="D15" t="str">
            <v>別府市亀川東町8番20号</v>
          </cell>
          <cell r="E15" t="str">
            <v>社会福祉法人豊心会</v>
          </cell>
          <cell r="F15" t="str">
            <v>理事長</v>
          </cell>
          <cell r="G15" t="str">
            <v>溝部　　洋</v>
          </cell>
          <cell r="H15" t="str">
            <v>７７８</v>
          </cell>
          <cell r="I15">
            <v>43630</v>
          </cell>
          <cell r="J15">
            <v>43663</v>
          </cell>
          <cell r="K15" t="str">
            <v>水</v>
          </cell>
          <cell r="L15" t="str">
            <v>13:00</v>
          </cell>
          <cell r="M15" t="str">
            <v>～</v>
          </cell>
          <cell r="N15" t="str">
            <v>14:00</v>
          </cell>
        </row>
        <row r="16">
          <cell r="A16">
            <v>441000030</v>
          </cell>
          <cell r="B16">
            <v>41000</v>
          </cell>
          <cell r="C16" t="str">
            <v>特別養護老人ホーム茶寿苑</v>
          </cell>
          <cell r="D16" t="str">
            <v>別府市北鉄輪3組</v>
          </cell>
          <cell r="E16" t="str">
            <v>社会福祉法人恵愛会</v>
          </cell>
          <cell r="F16" t="str">
            <v>理事長</v>
          </cell>
          <cell r="G16" t="str">
            <v>山本　記顯</v>
          </cell>
          <cell r="H16" t="str">
            <v>７７８</v>
          </cell>
          <cell r="I16">
            <v>43630</v>
          </cell>
          <cell r="J16">
            <v>43663</v>
          </cell>
          <cell r="K16" t="str">
            <v>水</v>
          </cell>
          <cell r="L16" t="str">
            <v>14:30</v>
          </cell>
          <cell r="M16" t="str">
            <v>～</v>
          </cell>
          <cell r="N16" t="str">
            <v>15:30</v>
          </cell>
        </row>
        <row r="17">
          <cell r="A17">
            <v>441000213</v>
          </cell>
          <cell r="B17">
            <v>41944</v>
          </cell>
          <cell r="C17" t="str">
            <v>地域密着型特別養護老人ホーム茶寿苑</v>
          </cell>
          <cell r="D17" t="str">
            <v>別府市北鉄輪3組</v>
          </cell>
          <cell r="E17" t="str">
            <v>社会福祉法人恵愛会</v>
          </cell>
          <cell r="F17" t="str">
            <v>理事長</v>
          </cell>
          <cell r="G17" t="str">
            <v>山本　記顯</v>
          </cell>
          <cell r="H17" t="str">
            <v>７７８</v>
          </cell>
          <cell r="I17">
            <v>43630</v>
          </cell>
          <cell r="J17">
            <v>43663</v>
          </cell>
          <cell r="K17" t="str">
            <v>水</v>
          </cell>
          <cell r="L17" t="str">
            <v>14:30</v>
          </cell>
          <cell r="M17" t="str">
            <v>～</v>
          </cell>
          <cell r="N17" t="str">
            <v>15:30</v>
          </cell>
        </row>
        <row r="18">
          <cell r="A18">
            <v>441000378</v>
          </cell>
          <cell r="B18">
            <v>43435</v>
          </cell>
          <cell r="C18" t="str">
            <v>地域密着型特別養護老人ホーム花月園</v>
          </cell>
          <cell r="D18" t="str">
            <v>日田市大字渡里字熊取133番1</v>
          </cell>
          <cell r="E18" t="str">
            <v>社会福祉法人平成会</v>
          </cell>
          <cell r="F18" t="str">
            <v>理事長</v>
          </cell>
          <cell r="G18" t="str">
            <v>石井　昌敏</v>
          </cell>
          <cell r="H18" t="str">
            <v>７７８</v>
          </cell>
          <cell r="I18">
            <v>43630</v>
          </cell>
          <cell r="J18">
            <v>43670</v>
          </cell>
          <cell r="K18" t="str">
            <v>水</v>
          </cell>
          <cell r="L18" t="str">
            <v>10:40</v>
          </cell>
          <cell r="M18" t="str">
            <v>～</v>
          </cell>
          <cell r="N18" t="str">
            <v>11:40</v>
          </cell>
        </row>
        <row r="19">
          <cell r="A19">
            <v>441000379</v>
          </cell>
          <cell r="B19">
            <v>43435</v>
          </cell>
          <cell r="C19" t="str">
            <v>ユニット型ショートステイサービス花月園</v>
          </cell>
          <cell r="D19" t="str">
            <v>日田市大字渡里字熊取133番1</v>
          </cell>
          <cell r="E19" t="str">
            <v>社会福祉法人平成会</v>
          </cell>
          <cell r="F19" t="str">
            <v>理事長</v>
          </cell>
          <cell r="G19" t="str">
            <v>石井　昌敏</v>
          </cell>
          <cell r="H19" t="str">
            <v>７７８</v>
          </cell>
          <cell r="I19">
            <v>43630</v>
          </cell>
          <cell r="J19">
            <v>43670</v>
          </cell>
          <cell r="K19" t="str">
            <v>水</v>
          </cell>
          <cell r="L19" t="str">
            <v>10:40</v>
          </cell>
          <cell r="M19" t="str">
            <v>～</v>
          </cell>
          <cell r="N19" t="str">
            <v>11:40</v>
          </cell>
        </row>
        <row r="20">
          <cell r="A20">
            <v>441000370</v>
          </cell>
          <cell r="B20">
            <v>43313</v>
          </cell>
          <cell r="C20" t="str">
            <v>ひばり～ヒルズ</v>
          </cell>
          <cell r="D20" t="str">
            <v>日田市大字三和字坂ノ辻1853番地</v>
          </cell>
          <cell r="E20" t="str">
            <v>社会福祉法人すぎのこ村</v>
          </cell>
          <cell r="F20" t="str">
            <v>理事長</v>
          </cell>
          <cell r="G20" t="str">
            <v>長尾　信義</v>
          </cell>
          <cell r="H20" t="str">
            <v>７７８</v>
          </cell>
          <cell r="I20">
            <v>43630</v>
          </cell>
          <cell r="J20">
            <v>43670</v>
          </cell>
          <cell r="K20" t="str">
            <v>水</v>
          </cell>
          <cell r="L20" t="str">
            <v>13:00</v>
          </cell>
          <cell r="M20" t="str">
            <v>～</v>
          </cell>
          <cell r="N20" t="str">
            <v>14:00</v>
          </cell>
        </row>
        <row r="21">
          <cell r="A21">
            <v>441000055</v>
          </cell>
          <cell r="B21">
            <v>41000</v>
          </cell>
          <cell r="C21" t="str">
            <v>特別養護老人ホーム中ノ島園</v>
          </cell>
          <cell r="D21" t="str">
            <v>日田市大字庄手字大釣685番地の16</v>
          </cell>
          <cell r="E21" t="str">
            <v>社会福祉法人翠明会</v>
          </cell>
          <cell r="F21" t="str">
            <v>理事長</v>
          </cell>
          <cell r="G21" t="str">
            <v>石田　守夫</v>
          </cell>
          <cell r="H21" t="str">
            <v>７７８</v>
          </cell>
          <cell r="I21">
            <v>43630</v>
          </cell>
          <cell r="J21">
            <v>43677</v>
          </cell>
          <cell r="K21" t="str">
            <v>水</v>
          </cell>
          <cell r="L21" t="str">
            <v>11:00</v>
          </cell>
          <cell r="M21" t="str">
            <v>～</v>
          </cell>
          <cell r="N21" t="str">
            <v>12:00</v>
          </cell>
        </row>
        <row r="22">
          <cell r="A22">
            <v>441000056</v>
          </cell>
          <cell r="B22">
            <v>41000</v>
          </cell>
          <cell r="C22" t="str">
            <v>ショートステイなかのしま</v>
          </cell>
          <cell r="D22" t="str">
            <v>日田市大字庄手字大釣685番地の16</v>
          </cell>
          <cell r="E22" t="str">
            <v>社会福祉法人翠明会</v>
          </cell>
          <cell r="F22" t="str">
            <v>理事長</v>
          </cell>
          <cell r="G22" t="str">
            <v>石田　守夫</v>
          </cell>
          <cell r="H22" t="str">
            <v>７７８</v>
          </cell>
          <cell r="I22">
            <v>43630</v>
          </cell>
          <cell r="J22">
            <v>43677</v>
          </cell>
          <cell r="K22" t="str">
            <v>水</v>
          </cell>
          <cell r="L22" t="str">
            <v>11:00</v>
          </cell>
          <cell r="M22" t="str">
            <v>～</v>
          </cell>
          <cell r="N22" t="str">
            <v>12:00</v>
          </cell>
        </row>
        <row r="23">
          <cell r="A23">
            <v>441000024</v>
          </cell>
          <cell r="B23">
            <v>41000</v>
          </cell>
          <cell r="C23" t="str">
            <v>特別養護老人ホームひた翠明館</v>
          </cell>
          <cell r="D23" t="str">
            <v>日田市神来町607-5</v>
          </cell>
          <cell r="E23" t="str">
            <v>社会福祉法人翠明会</v>
          </cell>
          <cell r="F23" t="str">
            <v>理事長</v>
          </cell>
          <cell r="G23" t="str">
            <v>石田　守夫</v>
          </cell>
          <cell r="H23" t="str">
            <v>７７８</v>
          </cell>
          <cell r="I23">
            <v>43630</v>
          </cell>
          <cell r="J23">
            <v>43677</v>
          </cell>
          <cell r="K23" t="str">
            <v>水</v>
          </cell>
          <cell r="L23" t="str">
            <v>13:30</v>
          </cell>
          <cell r="M23" t="str">
            <v>～</v>
          </cell>
          <cell r="N23" t="str">
            <v>14:30</v>
          </cell>
        </row>
        <row r="24">
          <cell r="A24">
            <v>441000366</v>
          </cell>
          <cell r="B24">
            <v>43252</v>
          </cell>
          <cell r="C24" t="str">
            <v>玖珠郡医師会立老人保健施設はね</v>
          </cell>
          <cell r="D24" t="str">
            <v>玖珠郡玖珠町大字山田2696番地</v>
          </cell>
          <cell r="E24" t="str">
            <v>一般財団法人玖珠郡医師会</v>
          </cell>
          <cell r="F24" t="str">
            <v>代表理事</v>
          </cell>
          <cell r="G24" t="str">
            <v>野瀬　善明</v>
          </cell>
          <cell r="H24" t="str">
            <v>７７８</v>
          </cell>
          <cell r="I24">
            <v>43630</v>
          </cell>
          <cell r="J24">
            <v>43677</v>
          </cell>
          <cell r="K24" t="str">
            <v>水</v>
          </cell>
          <cell r="L24" t="str">
            <v>15:00</v>
          </cell>
          <cell r="M24" t="str">
            <v>～</v>
          </cell>
          <cell r="N24" t="str">
            <v>16:00</v>
          </cell>
        </row>
        <row r="25">
          <cell r="A25">
            <v>441000165</v>
          </cell>
          <cell r="B25">
            <v>41609</v>
          </cell>
          <cell r="C25" t="str">
            <v>介護老人福祉施設シルバーランドメルヘン</v>
          </cell>
          <cell r="D25" t="str">
            <v>玖珠郡九重町大字右田3156-7番地</v>
          </cell>
          <cell r="E25" t="str">
            <v>社会福祉法人大樹会</v>
          </cell>
          <cell r="F25" t="str">
            <v>理事長</v>
          </cell>
          <cell r="G25" t="str">
            <v>武田　大威</v>
          </cell>
          <cell r="H25" t="str">
            <v>１８３９</v>
          </cell>
          <cell r="I25">
            <v>43770</v>
          </cell>
          <cell r="J25">
            <v>43789</v>
          </cell>
          <cell r="K25" t="str">
            <v>水</v>
          </cell>
          <cell r="L25" t="str">
            <v>10:30</v>
          </cell>
          <cell r="M25" t="str">
            <v>～</v>
          </cell>
          <cell r="N25" t="str">
            <v>11:30</v>
          </cell>
        </row>
        <row r="26">
          <cell r="A26">
            <v>441000382</v>
          </cell>
          <cell r="B26">
            <v>43435</v>
          </cell>
          <cell r="C26" t="str">
            <v>ユニット型特別養護老人ホーム白心荘</v>
          </cell>
          <cell r="D26" t="str">
            <v>由布市湯布院町川北字平原1354番地13</v>
          </cell>
          <cell r="E26" t="str">
            <v>社会福祉法人真わ会</v>
          </cell>
          <cell r="F26" t="str">
            <v>理事長</v>
          </cell>
          <cell r="G26" t="str">
            <v>牧野　由子</v>
          </cell>
          <cell r="H26" t="str">
            <v>１８３９</v>
          </cell>
          <cell r="I26">
            <v>43770</v>
          </cell>
          <cell r="J26">
            <v>43789</v>
          </cell>
          <cell r="K26" t="str">
            <v>水</v>
          </cell>
          <cell r="L26" t="str">
            <v>14:50</v>
          </cell>
          <cell r="M26" t="str">
            <v>～</v>
          </cell>
          <cell r="N26" t="str">
            <v>15:50</v>
          </cell>
        </row>
        <row r="27">
          <cell r="A27">
            <v>441000383</v>
          </cell>
          <cell r="B27">
            <v>43435</v>
          </cell>
          <cell r="C27" t="str">
            <v>ユニット型湯布院短期入所生活介護事業白心荘</v>
          </cell>
          <cell r="D27" t="str">
            <v>由布市湯布院町川北字平原1354番地13</v>
          </cell>
          <cell r="E27" t="str">
            <v>社会福祉法人真わ会</v>
          </cell>
          <cell r="F27" t="str">
            <v>理事長</v>
          </cell>
          <cell r="G27" t="str">
            <v>牧野　由子</v>
          </cell>
          <cell r="H27" t="str">
            <v>１８３９</v>
          </cell>
          <cell r="I27">
            <v>43770</v>
          </cell>
          <cell r="J27">
            <v>43789</v>
          </cell>
          <cell r="K27" t="str">
            <v>水</v>
          </cell>
          <cell r="L27" t="str">
            <v>14:50</v>
          </cell>
          <cell r="M27" t="str">
            <v>～</v>
          </cell>
          <cell r="N27" t="str">
            <v>15:50</v>
          </cell>
        </row>
        <row r="28">
          <cell r="A28">
            <v>441000372</v>
          </cell>
          <cell r="B28">
            <v>43313</v>
          </cell>
          <cell r="C28" t="str">
            <v>介護老人保健施設ゆふいん風香</v>
          </cell>
          <cell r="D28" t="str">
            <v>由布市湯布院町川南280番地</v>
          </cell>
          <cell r="E28" t="str">
            <v>医療法人福寿会</v>
          </cell>
          <cell r="F28" t="str">
            <v>理事長</v>
          </cell>
          <cell r="G28" t="str">
            <v>日野　修一郎</v>
          </cell>
          <cell r="H28" t="str">
            <v>１８３９</v>
          </cell>
          <cell r="I28">
            <v>43770</v>
          </cell>
          <cell r="J28">
            <v>43795</v>
          </cell>
          <cell r="K28" t="str">
            <v>火</v>
          </cell>
          <cell r="L28" t="str">
            <v>10:30</v>
          </cell>
          <cell r="M28" t="str">
            <v>～</v>
          </cell>
          <cell r="N28" t="str">
            <v>11:30</v>
          </cell>
        </row>
        <row r="29">
          <cell r="A29">
            <v>441000371</v>
          </cell>
          <cell r="B29">
            <v>43313</v>
          </cell>
          <cell r="C29" t="str">
            <v>小規模多機能型居宅介護アドニスホーム</v>
          </cell>
          <cell r="D29" t="str">
            <v>由布市湯布院町中川1062</v>
          </cell>
          <cell r="E29" t="str">
            <v>医療法人福寿会</v>
          </cell>
          <cell r="F29" t="str">
            <v>理事長</v>
          </cell>
          <cell r="G29" t="str">
            <v>日野　修一郎</v>
          </cell>
          <cell r="H29" t="str">
            <v>１８３９</v>
          </cell>
          <cell r="I29">
            <v>43770</v>
          </cell>
          <cell r="J29">
            <v>43795</v>
          </cell>
          <cell r="K29" t="str">
            <v>火</v>
          </cell>
          <cell r="L29" t="str">
            <v>13:30</v>
          </cell>
          <cell r="M29" t="str">
            <v>～</v>
          </cell>
          <cell r="N29" t="str">
            <v>14:30</v>
          </cell>
        </row>
        <row r="30">
          <cell r="A30">
            <v>441000369</v>
          </cell>
          <cell r="B30">
            <v>43282</v>
          </cell>
          <cell r="C30" t="str">
            <v>医療生協竹田ヘルパーステーション</v>
          </cell>
          <cell r="D30" t="str">
            <v>竹田市大字会々3313-1</v>
          </cell>
          <cell r="E30" t="str">
            <v>大分県医療生活協同組合</v>
          </cell>
          <cell r="F30" t="str">
            <v>代表理事</v>
          </cell>
          <cell r="G30" t="str">
            <v>楢原　真由美</v>
          </cell>
          <cell r="H30" t="str">
            <v>１８３９</v>
          </cell>
          <cell r="I30">
            <v>43770</v>
          </cell>
          <cell r="J30">
            <v>43797</v>
          </cell>
          <cell r="K30" t="str">
            <v>木</v>
          </cell>
          <cell r="L30" t="str">
            <v>10:30</v>
          </cell>
          <cell r="M30" t="str">
            <v>～</v>
          </cell>
          <cell r="N30" t="str">
            <v>11:30</v>
          </cell>
        </row>
        <row r="31">
          <cell r="A31">
            <v>441000207</v>
          </cell>
          <cell r="B31">
            <v>41883</v>
          </cell>
          <cell r="C31" t="str">
            <v>住宅型有料老人ホームベルファミーユ小春日和</v>
          </cell>
          <cell r="D31" t="str">
            <v>豊後大野市千歳町新殿1233番地1</v>
          </cell>
          <cell r="E31" t="str">
            <v>有限会社スマイルリース</v>
          </cell>
          <cell r="F31" t="str">
            <v>代表取締役</v>
          </cell>
          <cell r="G31" t="str">
            <v>二ノ宮　春光</v>
          </cell>
          <cell r="H31" t="str">
            <v>１８３９</v>
          </cell>
          <cell r="I31">
            <v>43770</v>
          </cell>
          <cell r="J31">
            <v>43797</v>
          </cell>
          <cell r="K31" t="str">
            <v>木</v>
          </cell>
          <cell r="L31" t="str">
            <v>13:30</v>
          </cell>
          <cell r="M31" t="str">
            <v>～</v>
          </cell>
          <cell r="N31" t="str">
            <v>14:30</v>
          </cell>
        </row>
        <row r="32">
          <cell r="A32">
            <v>441000139</v>
          </cell>
          <cell r="B32">
            <v>41395</v>
          </cell>
          <cell r="C32" t="str">
            <v>介護老人保健施設泉の里</v>
          </cell>
          <cell r="D32" t="str">
            <v>豊後大野市三重町赤嶺1250番地1</v>
          </cell>
          <cell r="E32" t="str">
            <v>社会医療法人帰巖会</v>
          </cell>
          <cell r="F32" t="str">
            <v>理事長</v>
          </cell>
          <cell r="G32" t="str">
            <v>松尾　則義</v>
          </cell>
          <cell r="H32" t="str">
            <v>１８３９</v>
          </cell>
          <cell r="I32">
            <v>43770</v>
          </cell>
          <cell r="J32">
            <v>43797</v>
          </cell>
          <cell r="K32" t="str">
            <v>木</v>
          </cell>
          <cell r="L32" t="str">
            <v>15:00</v>
          </cell>
          <cell r="M32" t="str">
            <v>～</v>
          </cell>
          <cell r="N32" t="str">
            <v>16:00</v>
          </cell>
        </row>
        <row r="33">
          <cell r="A33">
            <v>441000252</v>
          </cell>
          <cell r="B33">
            <v>42278</v>
          </cell>
          <cell r="C33" t="str">
            <v>短期入所生活介護泉の里</v>
          </cell>
          <cell r="D33" t="str">
            <v>豊後大野市三重町赤嶺1250番地の1</v>
          </cell>
          <cell r="E33" t="str">
            <v>社会医療法人帰巖会</v>
          </cell>
          <cell r="F33" t="str">
            <v>理事長</v>
          </cell>
          <cell r="G33" t="str">
            <v>松尾　則義</v>
          </cell>
          <cell r="H33" t="str">
            <v>１８３９</v>
          </cell>
          <cell r="I33">
            <v>43770</v>
          </cell>
          <cell r="J33">
            <v>43797</v>
          </cell>
          <cell r="K33" t="str">
            <v>木</v>
          </cell>
          <cell r="L33" t="str">
            <v>15:00</v>
          </cell>
          <cell r="M33" t="str">
            <v>～</v>
          </cell>
          <cell r="N33" t="str">
            <v>16:00</v>
          </cell>
        </row>
        <row r="34">
          <cell r="A34">
            <v>441000234</v>
          </cell>
          <cell r="B34">
            <v>42156</v>
          </cell>
          <cell r="C34" t="str">
            <v>ケアホーム青いみちＩＫＩ</v>
          </cell>
          <cell r="D34" t="str">
            <v>豊後大野市三重町赤嶺1259番地</v>
          </cell>
          <cell r="E34" t="str">
            <v>社会医療法人帰巖会</v>
          </cell>
          <cell r="F34" t="str">
            <v>理事長</v>
          </cell>
          <cell r="G34" t="str">
            <v>松尾　則義</v>
          </cell>
          <cell r="H34" t="str">
            <v>１８３９</v>
          </cell>
          <cell r="I34">
            <v>43770</v>
          </cell>
          <cell r="J34">
            <v>43797</v>
          </cell>
          <cell r="K34" t="str">
            <v>木</v>
          </cell>
          <cell r="L34" t="str">
            <v>15:00</v>
          </cell>
          <cell r="M34" t="str">
            <v>～</v>
          </cell>
          <cell r="N34" t="str">
            <v>16:00</v>
          </cell>
        </row>
        <row r="35">
          <cell r="A35">
            <v>441000268</v>
          </cell>
          <cell r="B35">
            <v>42339</v>
          </cell>
          <cell r="C35" t="str">
            <v>特別養護老人ホームかえで</v>
          </cell>
          <cell r="D35" t="str">
            <v>中津市本耶馬渓町跡田430番地1</v>
          </cell>
          <cell r="E35" t="str">
            <v>社会福祉法人泰然会</v>
          </cell>
          <cell r="F35" t="str">
            <v>理事長</v>
          </cell>
          <cell r="G35" t="str">
            <v>山本　寛泰</v>
          </cell>
          <cell r="H35" t="str">
            <v>２００８</v>
          </cell>
          <cell r="I35">
            <v>43791</v>
          </cell>
          <cell r="J35">
            <v>43803</v>
          </cell>
          <cell r="K35" t="str">
            <v>水</v>
          </cell>
          <cell r="L35" t="str">
            <v>13:00</v>
          </cell>
          <cell r="M35" t="str">
            <v>～</v>
          </cell>
          <cell r="N35" t="str">
            <v>14:00</v>
          </cell>
        </row>
        <row r="36">
          <cell r="A36">
            <v>441000221</v>
          </cell>
          <cell r="B36">
            <v>42005</v>
          </cell>
          <cell r="C36" t="str">
            <v>特別養護老人ホーム温水園</v>
          </cell>
          <cell r="D36" t="str">
            <v>由布市湯布院町川北1964番地</v>
          </cell>
          <cell r="E36" t="str">
            <v>社会福祉法人清風会</v>
          </cell>
          <cell r="F36" t="str">
            <v>理事長</v>
          </cell>
          <cell r="G36" t="str">
            <v>佐藤　忠興</v>
          </cell>
          <cell r="H36" t="str">
            <v>２００８</v>
          </cell>
          <cell r="I36">
            <v>43791</v>
          </cell>
          <cell r="J36">
            <v>43809</v>
          </cell>
          <cell r="K36" t="str">
            <v>火</v>
          </cell>
          <cell r="L36" t="str">
            <v>10：50</v>
          </cell>
          <cell r="M36" t="str">
            <v>～</v>
          </cell>
          <cell r="N36" t="str">
            <v>11：50</v>
          </cell>
        </row>
        <row r="37">
          <cell r="A37">
            <v>441000238</v>
          </cell>
          <cell r="B37">
            <v>42522</v>
          </cell>
          <cell r="C37" t="str">
            <v>特別養護老人ホーム慶寿苑</v>
          </cell>
          <cell r="D37" t="str">
            <v>由布市庄内町柿原1569番地1</v>
          </cell>
          <cell r="E37" t="str">
            <v>社会福祉法人寿永会</v>
          </cell>
          <cell r="F37" t="str">
            <v>理事長</v>
          </cell>
          <cell r="G37" t="str">
            <v>佐藤　慎二郎</v>
          </cell>
          <cell r="H37" t="str">
            <v>２００８</v>
          </cell>
          <cell r="I37">
            <v>43791</v>
          </cell>
          <cell r="J37">
            <v>43809</v>
          </cell>
          <cell r="K37" t="str">
            <v>火</v>
          </cell>
          <cell r="L37" t="str">
            <v>14：00</v>
          </cell>
          <cell r="M37" t="str">
            <v>～</v>
          </cell>
          <cell r="N37" t="str">
            <v>15：00</v>
          </cell>
        </row>
        <row r="38">
          <cell r="A38">
            <v>441000239</v>
          </cell>
          <cell r="B38">
            <v>42522</v>
          </cell>
          <cell r="C38" t="str">
            <v>特別養護老人ホーム慶寿苑ユニット型</v>
          </cell>
          <cell r="D38" t="str">
            <v>由布市庄内町柿原1569番地1</v>
          </cell>
          <cell r="E38" t="str">
            <v>社会福祉法人寿永会</v>
          </cell>
          <cell r="F38" t="str">
            <v>理事長</v>
          </cell>
          <cell r="G38" t="str">
            <v>佐藤　慎二郎</v>
          </cell>
          <cell r="H38" t="str">
            <v>２００８</v>
          </cell>
          <cell r="I38">
            <v>43791</v>
          </cell>
          <cell r="J38">
            <v>43809</v>
          </cell>
          <cell r="K38" t="str">
            <v>火</v>
          </cell>
          <cell r="L38" t="str">
            <v>14：00</v>
          </cell>
          <cell r="M38" t="str">
            <v>～</v>
          </cell>
          <cell r="N38" t="str">
            <v>15：00</v>
          </cell>
        </row>
        <row r="39">
          <cell r="A39">
            <v>441000240</v>
          </cell>
          <cell r="B39">
            <v>42522</v>
          </cell>
          <cell r="C39" t="str">
            <v>ショートステイサービス慶寿苑</v>
          </cell>
          <cell r="D39" t="str">
            <v>由布市庄内町柿原1569番地1</v>
          </cell>
          <cell r="E39" t="str">
            <v>社会福祉法人寿永会</v>
          </cell>
          <cell r="F39" t="str">
            <v>理事長</v>
          </cell>
          <cell r="G39" t="str">
            <v>佐藤　慎二郎</v>
          </cell>
          <cell r="H39" t="str">
            <v>２００８</v>
          </cell>
          <cell r="I39">
            <v>43791</v>
          </cell>
          <cell r="J39">
            <v>43809</v>
          </cell>
          <cell r="K39" t="str">
            <v>火</v>
          </cell>
          <cell r="L39" t="str">
            <v>14：00</v>
          </cell>
          <cell r="M39" t="str">
            <v>～</v>
          </cell>
          <cell r="N39" t="str">
            <v>15：00</v>
          </cell>
        </row>
        <row r="40">
          <cell r="A40">
            <v>441000227</v>
          </cell>
          <cell r="B40">
            <v>42125</v>
          </cell>
          <cell r="C40" t="str">
            <v>介護老人保健施設鶴見の太陽</v>
          </cell>
          <cell r="D40" t="str">
            <v>佐伯市鶴見大字沖松浦51番地</v>
          </cell>
          <cell r="E40" t="str">
            <v>社会医療法人小寺会</v>
          </cell>
          <cell r="F40" t="str">
            <v>理事長</v>
          </cell>
          <cell r="G40" t="str">
            <v>小寺　　隆</v>
          </cell>
          <cell r="H40" t="str">
            <v>２００８</v>
          </cell>
          <cell r="I40">
            <v>43791</v>
          </cell>
          <cell r="J40">
            <v>43816</v>
          </cell>
          <cell r="K40" t="str">
            <v>火</v>
          </cell>
          <cell r="L40" t="str">
            <v>10：50</v>
          </cell>
          <cell r="M40" t="str">
            <v>～</v>
          </cell>
          <cell r="N40" t="str">
            <v>11：50</v>
          </cell>
        </row>
        <row r="41">
          <cell r="A41">
            <v>441000228</v>
          </cell>
          <cell r="B41">
            <v>42125</v>
          </cell>
          <cell r="C41" t="str">
            <v>短期入所生活介護鶴見の太陽</v>
          </cell>
          <cell r="D41" t="str">
            <v>佐伯市鶴見大字沖松浦51番地</v>
          </cell>
          <cell r="E41" t="str">
            <v>社会医療法人小寺会</v>
          </cell>
          <cell r="F41" t="str">
            <v>理事長</v>
          </cell>
          <cell r="G41" t="str">
            <v>小寺　　隆</v>
          </cell>
          <cell r="H41" t="str">
            <v>２００８</v>
          </cell>
          <cell r="I41">
            <v>43791</v>
          </cell>
          <cell r="J41">
            <v>43816</v>
          </cell>
          <cell r="K41" t="str">
            <v>火</v>
          </cell>
          <cell r="L41" t="str">
            <v>10：50</v>
          </cell>
          <cell r="M41" t="str">
            <v>～</v>
          </cell>
          <cell r="N41" t="str">
            <v>11：50</v>
          </cell>
        </row>
        <row r="42">
          <cell r="A42">
            <v>441000229</v>
          </cell>
          <cell r="B42">
            <v>42125</v>
          </cell>
          <cell r="C42" t="str">
            <v>介護老人保健施設ユニット鶴見の太陽</v>
          </cell>
          <cell r="D42" t="str">
            <v>佐伯市鶴見大字沖松浦51番地</v>
          </cell>
          <cell r="E42" t="str">
            <v>社会医療法人小寺会</v>
          </cell>
          <cell r="F42" t="str">
            <v>理事長</v>
          </cell>
          <cell r="G42" t="str">
            <v>小寺　　隆</v>
          </cell>
          <cell r="H42" t="str">
            <v>２００８</v>
          </cell>
          <cell r="I42">
            <v>43791</v>
          </cell>
          <cell r="J42">
            <v>43816</v>
          </cell>
          <cell r="K42" t="str">
            <v>火</v>
          </cell>
          <cell r="L42" t="str">
            <v>10：50</v>
          </cell>
          <cell r="M42" t="str">
            <v>～</v>
          </cell>
          <cell r="N42" t="str">
            <v>11：50</v>
          </cell>
        </row>
        <row r="43">
          <cell r="A43">
            <v>441000230</v>
          </cell>
          <cell r="B43">
            <v>42125</v>
          </cell>
          <cell r="C43" t="str">
            <v>グループホーム鶴見の太陽</v>
          </cell>
          <cell r="D43" t="str">
            <v>佐伯市鶴見大字沖松浦51番地</v>
          </cell>
          <cell r="E43" t="str">
            <v>社会医療法人小寺会</v>
          </cell>
          <cell r="F43" t="str">
            <v>理事長</v>
          </cell>
          <cell r="G43" t="str">
            <v>小寺　　隆</v>
          </cell>
          <cell r="H43" t="str">
            <v>２００８</v>
          </cell>
          <cell r="I43">
            <v>43791</v>
          </cell>
          <cell r="J43">
            <v>43816</v>
          </cell>
          <cell r="K43" t="str">
            <v>火</v>
          </cell>
          <cell r="L43" t="str">
            <v>10：50</v>
          </cell>
          <cell r="M43" t="str">
            <v>～</v>
          </cell>
          <cell r="N43" t="str">
            <v>11：50</v>
          </cell>
        </row>
        <row r="44">
          <cell r="A44">
            <v>441000254</v>
          </cell>
          <cell r="B44">
            <v>42278</v>
          </cell>
          <cell r="C44" t="str">
            <v>介護老人保健施設和の風</v>
          </cell>
          <cell r="D44" t="str">
            <v>佐伯市大字池田2260-1</v>
          </cell>
          <cell r="E44" t="str">
            <v>社会医療法人長門莫記念会</v>
          </cell>
          <cell r="F44" t="str">
            <v>理事長</v>
          </cell>
          <cell r="G44" t="str">
            <v>長門　　仁</v>
          </cell>
          <cell r="H44" t="str">
            <v>２００８</v>
          </cell>
          <cell r="I44">
            <v>43791</v>
          </cell>
          <cell r="J44">
            <v>43816</v>
          </cell>
          <cell r="K44" t="str">
            <v>火</v>
          </cell>
          <cell r="L44" t="str">
            <v>14：00</v>
          </cell>
          <cell r="M44" t="str">
            <v>～</v>
          </cell>
          <cell r="N44" t="str">
            <v>15：00</v>
          </cell>
        </row>
        <row r="45">
          <cell r="A45">
            <v>441000131</v>
          </cell>
          <cell r="B45">
            <v>41365</v>
          </cell>
          <cell r="C45" t="str">
            <v>特別養護老人ホーム長良苑</v>
          </cell>
          <cell r="D45" t="str">
            <v>佐伯市大字長良4956番地</v>
          </cell>
          <cell r="E45" t="str">
            <v>社会福祉法人長陽会</v>
          </cell>
          <cell r="F45" t="str">
            <v>理事長</v>
          </cell>
          <cell r="G45" t="str">
            <v>御手洗　吉生</v>
          </cell>
          <cell r="H45" t="str">
            <v>２００８</v>
          </cell>
          <cell r="I45">
            <v>43791</v>
          </cell>
          <cell r="J45">
            <v>43818</v>
          </cell>
          <cell r="K45" t="str">
            <v>木</v>
          </cell>
          <cell r="L45" t="str">
            <v>10：50</v>
          </cell>
          <cell r="M45" t="str">
            <v>～</v>
          </cell>
          <cell r="N45" t="str">
            <v>11：50</v>
          </cell>
        </row>
        <row r="46">
          <cell r="A46">
            <v>441000132</v>
          </cell>
          <cell r="B46">
            <v>41365</v>
          </cell>
          <cell r="C46" t="str">
            <v>特別養護老人ホーム長良苑老人短期入所生活介護</v>
          </cell>
          <cell r="D46" t="str">
            <v>佐伯市大字長良4956番地</v>
          </cell>
          <cell r="E46" t="str">
            <v>社会福祉法人長陽会</v>
          </cell>
          <cell r="F46" t="str">
            <v>理事長</v>
          </cell>
          <cell r="G46" t="str">
            <v>御手洗　吉生</v>
          </cell>
          <cell r="H46" t="str">
            <v>２００８</v>
          </cell>
          <cell r="I46">
            <v>43791</v>
          </cell>
          <cell r="J46">
            <v>43818</v>
          </cell>
          <cell r="K46" t="str">
            <v>木</v>
          </cell>
          <cell r="L46" t="str">
            <v>10：50</v>
          </cell>
          <cell r="M46" t="str">
            <v>～</v>
          </cell>
          <cell r="N46" t="str">
            <v>11：50</v>
          </cell>
        </row>
        <row r="47">
          <cell r="A47">
            <v>441000259</v>
          </cell>
          <cell r="B47">
            <v>42339</v>
          </cell>
          <cell r="C47" t="str">
            <v>南海医療センター附属介護老人保健施設</v>
          </cell>
          <cell r="D47" t="str">
            <v>佐伯市常盤西町12番6号</v>
          </cell>
          <cell r="E47" t="str">
            <v>独立行政法人地域医療機能推進機構</v>
          </cell>
          <cell r="F47" t="str">
            <v>理事長</v>
          </cell>
          <cell r="G47" t="str">
            <v>尾身　　茂</v>
          </cell>
          <cell r="H47" t="str">
            <v>２００８</v>
          </cell>
          <cell r="I47">
            <v>43791</v>
          </cell>
          <cell r="J47">
            <v>43818</v>
          </cell>
          <cell r="K47" t="str">
            <v>木</v>
          </cell>
          <cell r="L47" t="str">
            <v>13:30</v>
          </cell>
          <cell r="M47" t="str">
            <v>～</v>
          </cell>
          <cell r="N47" t="str">
            <v>14:30</v>
          </cell>
        </row>
        <row r="48">
          <cell r="A48">
            <v>441000297</v>
          </cell>
          <cell r="B48">
            <v>42552</v>
          </cell>
          <cell r="C48" t="str">
            <v>有料老人ホーム番匠の杜</v>
          </cell>
          <cell r="D48" t="str">
            <v>佐伯市弥生大字門田173番地1</v>
          </cell>
          <cell r="E48" t="str">
            <v>株式会社やのたけ</v>
          </cell>
          <cell r="F48" t="str">
            <v>代表取締役</v>
          </cell>
          <cell r="G48" t="str">
            <v>山﨑　厚子</v>
          </cell>
          <cell r="M48" t="str">
            <v>～</v>
          </cell>
        </row>
        <row r="49">
          <cell r="A49">
            <v>441000255</v>
          </cell>
          <cell r="B49">
            <v>42278</v>
          </cell>
          <cell r="C49" t="str">
            <v>グループホーム千怒の杜</v>
          </cell>
          <cell r="D49" t="str">
            <v>津久見市千怒7389番地</v>
          </cell>
          <cell r="E49" t="str">
            <v>株式会社千怒の杜</v>
          </cell>
          <cell r="F49" t="str">
            <v>代表取締役</v>
          </cell>
          <cell r="G49" t="str">
            <v>永松　徳和</v>
          </cell>
          <cell r="H49" t="str">
            <v>２２９８</v>
          </cell>
          <cell r="I49">
            <v>43823</v>
          </cell>
          <cell r="J49">
            <v>43839</v>
          </cell>
          <cell r="K49" t="str">
            <v>木</v>
          </cell>
          <cell r="L49" t="str">
            <v>10:30</v>
          </cell>
          <cell r="M49" t="str">
            <v>～</v>
          </cell>
          <cell r="N49" t="str">
            <v>11:30</v>
          </cell>
        </row>
        <row r="50">
          <cell r="A50">
            <v>441000368</v>
          </cell>
          <cell r="B50">
            <v>43252</v>
          </cell>
          <cell r="C50" t="str">
            <v>地域密着型特定施設こころ</v>
          </cell>
          <cell r="D50" t="str">
            <v>津久見市大字津久見5988-1</v>
          </cell>
          <cell r="E50" t="str">
            <v>株式会社みかんの花</v>
          </cell>
          <cell r="F50" t="str">
            <v>代表取締役</v>
          </cell>
          <cell r="G50" t="str">
            <v>西村　德丸</v>
          </cell>
          <cell r="H50" t="str">
            <v>２２９８</v>
          </cell>
          <cell r="I50">
            <v>43823</v>
          </cell>
          <cell r="J50">
            <v>43839</v>
          </cell>
          <cell r="K50" t="str">
            <v>木</v>
          </cell>
          <cell r="L50" t="str">
            <v>13:00</v>
          </cell>
          <cell r="M50" t="str">
            <v>～</v>
          </cell>
          <cell r="N50" t="str">
            <v>14:00</v>
          </cell>
        </row>
        <row r="51">
          <cell r="A51">
            <v>441000358</v>
          </cell>
          <cell r="B51">
            <v>43221</v>
          </cell>
          <cell r="C51" t="str">
            <v>有料老人ホーム樫の樹</v>
          </cell>
          <cell r="D51" t="str">
            <v>臼杵市野津町大字亀甲751番地</v>
          </cell>
          <cell r="E51" t="str">
            <v>有限会社ケアパートナーベル</v>
          </cell>
          <cell r="F51" t="str">
            <v>取締役</v>
          </cell>
          <cell r="G51" t="str">
            <v>岩田　鈴代</v>
          </cell>
          <cell r="H51" t="str">
            <v>２２９８</v>
          </cell>
          <cell r="I51">
            <v>43823</v>
          </cell>
          <cell r="J51">
            <v>43839</v>
          </cell>
          <cell r="K51" t="str">
            <v>木</v>
          </cell>
          <cell r="L51" t="str">
            <v>14:50</v>
          </cell>
          <cell r="M51" t="str">
            <v>～</v>
          </cell>
          <cell r="N51" t="str">
            <v>15:50</v>
          </cell>
        </row>
        <row r="52">
          <cell r="A52">
            <v>441000194</v>
          </cell>
          <cell r="B52">
            <v>41821</v>
          </cell>
          <cell r="C52" t="str">
            <v>若葉苑ショートステイサービス</v>
          </cell>
          <cell r="D52" t="str">
            <v>由布市挾間町向原1215番地2</v>
          </cell>
          <cell r="E52" t="str">
            <v>社会福祉法人若山会</v>
          </cell>
          <cell r="F52" t="str">
            <v>理事長</v>
          </cell>
          <cell r="G52" t="str">
            <v>千島　慶子</v>
          </cell>
          <cell r="H52" t="str">
            <v>２２９８</v>
          </cell>
          <cell r="I52">
            <v>43823</v>
          </cell>
          <cell r="J52">
            <v>43845</v>
          </cell>
          <cell r="K52" t="str">
            <v>水</v>
          </cell>
          <cell r="L52" t="str">
            <v>9:50</v>
          </cell>
          <cell r="M52" t="str">
            <v>～</v>
          </cell>
          <cell r="N52" t="str">
            <v>10:50</v>
          </cell>
        </row>
        <row r="53">
          <cell r="A53">
            <v>441000360</v>
          </cell>
          <cell r="B53">
            <v>43221</v>
          </cell>
          <cell r="C53" t="str">
            <v>和泉ショートステイサービス</v>
          </cell>
          <cell r="D53" t="str">
            <v>大分市大字竹矢字田尾1024番地の1</v>
          </cell>
          <cell r="E53" t="str">
            <v>社会福祉法人七瀬陽史会</v>
          </cell>
          <cell r="F53" t="str">
            <v>理事長</v>
          </cell>
          <cell r="G53" t="str">
            <v>外川　陽一</v>
          </cell>
          <cell r="H53" t="str">
            <v>２２９８</v>
          </cell>
          <cell r="I53">
            <v>43823</v>
          </cell>
          <cell r="J53">
            <v>43845</v>
          </cell>
          <cell r="K53" t="str">
            <v>水</v>
          </cell>
          <cell r="L53" t="str">
            <v>11:10</v>
          </cell>
          <cell r="M53" t="str">
            <v>～</v>
          </cell>
          <cell r="N53" t="str">
            <v>12:10</v>
          </cell>
        </row>
        <row r="54">
          <cell r="A54">
            <v>441000136</v>
          </cell>
          <cell r="B54">
            <v>41395</v>
          </cell>
          <cell r="C54" t="str">
            <v>介護老人保健施設小野鶴養生院</v>
          </cell>
          <cell r="D54" t="str">
            <v>大分市大字小野鶴1157番地の1</v>
          </cell>
          <cell r="E54" t="str">
            <v>医療法人創寿会</v>
          </cell>
          <cell r="F54" t="str">
            <v>理事長</v>
          </cell>
          <cell r="G54" t="str">
            <v>辛島　　卓</v>
          </cell>
          <cell r="H54" t="str">
            <v>２２９８</v>
          </cell>
          <cell r="I54">
            <v>43823</v>
          </cell>
          <cell r="J54">
            <v>43845</v>
          </cell>
          <cell r="K54" t="str">
            <v>水</v>
          </cell>
          <cell r="L54" t="str">
            <v>13:30</v>
          </cell>
          <cell r="M54" t="str">
            <v>～</v>
          </cell>
          <cell r="N54" t="str">
            <v>14:30</v>
          </cell>
        </row>
        <row r="55">
          <cell r="A55">
            <v>441000161</v>
          </cell>
          <cell r="B55">
            <v>41579</v>
          </cell>
          <cell r="C55" t="str">
            <v>小野鶴養生院訪問介護事業所</v>
          </cell>
          <cell r="D55" t="str">
            <v>大分市大字小野鶴1157番地の1</v>
          </cell>
          <cell r="E55" t="str">
            <v>医療法人創寿会</v>
          </cell>
          <cell r="F55" t="str">
            <v>理事長</v>
          </cell>
          <cell r="G55" t="str">
            <v>辛島　　卓</v>
          </cell>
          <cell r="H55" t="str">
            <v>２２９８</v>
          </cell>
          <cell r="I55">
            <v>43823</v>
          </cell>
          <cell r="J55">
            <v>43845</v>
          </cell>
          <cell r="K55" t="str">
            <v>水</v>
          </cell>
          <cell r="L55" t="str">
            <v>13:30</v>
          </cell>
          <cell r="M55" t="str">
            <v>～</v>
          </cell>
          <cell r="N55" t="str">
            <v>14:30</v>
          </cell>
        </row>
        <row r="56">
          <cell r="A56">
            <v>441000391</v>
          </cell>
          <cell r="B56">
            <v>43525</v>
          </cell>
          <cell r="C56" t="str">
            <v>ななせヘルパーステーション</v>
          </cell>
          <cell r="D56" t="str">
            <v>大分市椿が丘2丁目14番3号</v>
          </cell>
          <cell r="E56" t="str">
            <v>医療法人如月会</v>
          </cell>
          <cell r="F56" t="str">
            <v>理事長</v>
          </cell>
          <cell r="G56" t="str">
            <v>秋月　真一郎</v>
          </cell>
          <cell r="H56" t="str">
            <v>２２９８</v>
          </cell>
          <cell r="I56">
            <v>43823</v>
          </cell>
          <cell r="J56">
            <v>43845</v>
          </cell>
          <cell r="K56" t="str">
            <v>水</v>
          </cell>
          <cell r="L56" t="str">
            <v>14:45</v>
          </cell>
          <cell r="M56" t="str">
            <v>～</v>
          </cell>
          <cell r="N56" t="str">
            <v>15:45</v>
          </cell>
        </row>
        <row r="57">
          <cell r="A57" t="str">
            <v>441000381(廃）</v>
          </cell>
          <cell r="B57">
            <v>43435</v>
          </cell>
          <cell r="C57" t="str">
            <v>指定介護老人福祉施設清静園</v>
          </cell>
          <cell r="D57" t="str">
            <v>大分市大字竹中5268番地</v>
          </cell>
          <cell r="E57" t="str">
            <v>社会福祉法人一志会</v>
          </cell>
          <cell r="F57" t="str">
            <v>理事長</v>
          </cell>
          <cell r="G57" t="str">
            <v>大島　敏武</v>
          </cell>
          <cell r="H57" t="str">
            <v>２２９８</v>
          </cell>
          <cell r="I57">
            <v>43823</v>
          </cell>
          <cell r="J57">
            <v>43851</v>
          </cell>
          <cell r="K57" t="str">
            <v>火</v>
          </cell>
          <cell r="L57" t="str">
            <v>9:50</v>
          </cell>
          <cell r="M57" t="str">
            <v>～</v>
          </cell>
          <cell r="N57" t="str">
            <v>10:50</v>
          </cell>
        </row>
        <row r="58">
          <cell r="A58">
            <v>441000367</v>
          </cell>
          <cell r="B58">
            <v>43252</v>
          </cell>
          <cell r="C58" t="str">
            <v>障がい者支援施設ハーモニーの森</v>
          </cell>
          <cell r="D58" t="str">
            <v>大分市大字中戸次6042番</v>
          </cell>
          <cell r="E58" t="str">
            <v>社会福祉法人ハーモニー</v>
          </cell>
          <cell r="F58" t="str">
            <v>理事長</v>
          </cell>
          <cell r="G58" t="str">
            <v>室　　寛志</v>
          </cell>
          <cell r="H58" t="str">
            <v>２２９８</v>
          </cell>
          <cell r="I58">
            <v>43823</v>
          </cell>
          <cell r="J58">
            <v>43851</v>
          </cell>
          <cell r="K58" t="str">
            <v>火</v>
          </cell>
          <cell r="L58" t="str">
            <v>11:10</v>
          </cell>
          <cell r="M58" t="str">
            <v>～</v>
          </cell>
          <cell r="N58" t="str">
            <v>12:10</v>
          </cell>
        </row>
        <row r="59">
          <cell r="A59">
            <v>441000380</v>
          </cell>
          <cell r="B59">
            <v>43435</v>
          </cell>
          <cell r="C59" t="str">
            <v>住宅型有料老人ホームゆいまーる</v>
          </cell>
          <cell r="D59" t="str">
            <v>大分市大字中判田1655番地１</v>
          </cell>
          <cell r="E59" t="str">
            <v>ゆいまーる株式会社</v>
          </cell>
          <cell r="F59" t="str">
            <v>代表取締役</v>
          </cell>
          <cell r="G59" t="str">
            <v>盛長　桂三</v>
          </cell>
          <cell r="H59" t="str">
            <v>２２９８</v>
          </cell>
          <cell r="I59">
            <v>43823</v>
          </cell>
          <cell r="J59">
            <v>43851</v>
          </cell>
          <cell r="K59" t="str">
            <v>火</v>
          </cell>
          <cell r="L59" t="str">
            <v>13:20</v>
          </cell>
          <cell r="M59" t="str">
            <v>～</v>
          </cell>
          <cell r="N59" t="str">
            <v>14:20</v>
          </cell>
        </row>
        <row r="60">
          <cell r="A60">
            <v>441000386</v>
          </cell>
          <cell r="B60">
            <v>43497</v>
          </cell>
          <cell r="C60" t="str">
            <v>有料老人ホームはやの里</v>
          </cell>
          <cell r="D60" t="str">
            <v>大分市大字羽屋287番地7</v>
          </cell>
          <cell r="E60" t="str">
            <v>医療法人大分記念病院</v>
          </cell>
          <cell r="F60" t="str">
            <v>理事長</v>
          </cell>
          <cell r="G60" t="str">
            <v>末友　祥正</v>
          </cell>
          <cell r="H60" t="str">
            <v>２２９８</v>
          </cell>
          <cell r="I60">
            <v>43823</v>
          </cell>
          <cell r="J60">
            <v>43851</v>
          </cell>
          <cell r="K60" t="str">
            <v>火</v>
          </cell>
          <cell r="L60" t="str">
            <v>14:50</v>
          </cell>
          <cell r="M60" t="str">
            <v>～</v>
          </cell>
          <cell r="N60" t="str">
            <v>15:50</v>
          </cell>
        </row>
        <row r="61">
          <cell r="A61">
            <v>441000387</v>
          </cell>
          <cell r="B61">
            <v>43497</v>
          </cell>
          <cell r="C61" t="str">
            <v>大分記念病院訪問介護ステーション</v>
          </cell>
          <cell r="D61" t="str">
            <v>大分市大字羽屋287番地2</v>
          </cell>
          <cell r="E61" t="str">
            <v>医療法人大分記念病院</v>
          </cell>
          <cell r="F61" t="str">
            <v>理事長</v>
          </cell>
          <cell r="G61" t="str">
            <v>末友　祥正</v>
          </cell>
          <cell r="H61" t="str">
            <v>２２９８</v>
          </cell>
          <cell r="I61">
            <v>43823</v>
          </cell>
          <cell r="J61">
            <v>43851</v>
          </cell>
          <cell r="K61" t="str">
            <v>火</v>
          </cell>
          <cell r="L61" t="str">
            <v>14:50</v>
          </cell>
          <cell r="M61" t="str">
            <v>～</v>
          </cell>
          <cell r="N61" t="str">
            <v>15:50</v>
          </cell>
        </row>
        <row r="62">
          <cell r="A62">
            <v>441000354</v>
          </cell>
          <cell r="B62">
            <v>43160</v>
          </cell>
          <cell r="C62" t="str">
            <v>サービス付き高齢者向け住宅涼音</v>
          </cell>
          <cell r="D62" t="str">
            <v>大分市羽屋9組-2</v>
          </cell>
          <cell r="E62" t="str">
            <v>株式会社恵の会</v>
          </cell>
          <cell r="F62" t="str">
            <v>代表取締役</v>
          </cell>
          <cell r="G62" t="str">
            <v>寺田　明生</v>
          </cell>
          <cell r="H62" t="str">
            <v>２２９８</v>
          </cell>
          <cell r="I62">
            <v>43823</v>
          </cell>
          <cell r="J62">
            <v>43851</v>
          </cell>
          <cell r="K62" t="str">
            <v>火</v>
          </cell>
          <cell r="L62" t="str">
            <v>16:00</v>
          </cell>
          <cell r="M62" t="str">
            <v>～</v>
          </cell>
          <cell r="N62" t="str">
            <v>17:00</v>
          </cell>
        </row>
        <row r="63">
          <cell r="A63">
            <v>441000389</v>
          </cell>
          <cell r="B63">
            <v>43497</v>
          </cell>
          <cell r="C63" t="str">
            <v>グループホーム千歳の家</v>
          </cell>
          <cell r="D63" t="str">
            <v>大分市大字千歳2207-1</v>
          </cell>
          <cell r="E63" t="str">
            <v>株式会社れんげ草</v>
          </cell>
          <cell r="F63" t="str">
            <v>代表取締役</v>
          </cell>
          <cell r="G63" t="str">
            <v>古野　秀明</v>
          </cell>
          <cell r="H63" t="str">
            <v>２２９８</v>
          </cell>
          <cell r="I63">
            <v>43823</v>
          </cell>
          <cell r="J63">
            <v>43853</v>
          </cell>
          <cell r="K63" t="str">
            <v>木</v>
          </cell>
          <cell r="L63" t="str">
            <v>9:40</v>
          </cell>
          <cell r="M63" t="str">
            <v>～</v>
          </cell>
          <cell r="N63" t="str">
            <v>10:40</v>
          </cell>
        </row>
        <row r="64">
          <cell r="A64">
            <v>441000125</v>
          </cell>
          <cell r="B64">
            <v>41334</v>
          </cell>
          <cell r="C64" t="str">
            <v>特別養護老人ホーム白水長久苑</v>
          </cell>
          <cell r="D64" t="str">
            <v>大分市大字横尾字大原1897番地2</v>
          </cell>
          <cell r="E64" t="str">
            <v>社会福祉法人長久会</v>
          </cell>
          <cell r="F64" t="str">
            <v>理事長</v>
          </cell>
          <cell r="G64" t="str">
            <v>那賀　圭介</v>
          </cell>
          <cell r="H64" t="str">
            <v>２２９８</v>
          </cell>
          <cell r="I64">
            <v>43823</v>
          </cell>
          <cell r="J64">
            <v>43853</v>
          </cell>
          <cell r="K64" t="str">
            <v>木</v>
          </cell>
          <cell r="L64" t="str">
            <v>11:00</v>
          </cell>
          <cell r="M64" t="str">
            <v>～</v>
          </cell>
          <cell r="N64" t="str">
            <v>12:00</v>
          </cell>
        </row>
        <row r="65">
          <cell r="A65">
            <v>441000126</v>
          </cell>
          <cell r="B65">
            <v>41334</v>
          </cell>
          <cell r="C65" t="str">
            <v>短期入所生活介護事業所白水長久苑</v>
          </cell>
          <cell r="D65" t="str">
            <v>大分市大字横尾字大原1897番地2</v>
          </cell>
          <cell r="E65" t="str">
            <v>社会福祉法人長久会</v>
          </cell>
          <cell r="F65" t="str">
            <v>理事長</v>
          </cell>
          <cell r="G65" t="str">
            <v>那賀　圭介</v>
          </cell>
          <cell r="H65" t="str">
            <v>２２９８</v>
          </cell>
          <cell r="I65">
            <v>43823</v>
          </cell>
          <cell r="J65">
            <v>43853</v>
          </cell>
          <cell r="K65" t="str">
            <v>木</v>
          </cell>
          <cell r="L65" t="str">
            <v>11:00</v>
          </cell>
          <cell r="M65" t="str">
            <v>～</v>
          </cell>
          <cell r="N65" t="str">
            <v>12:00</v>
          </cell>
        </row>
        <row r="66">
          <cell r="A66">
            <v>441000242</v>
          </cell>
          <cell r="B66">
            <v>42156</v>
          </cell>
          <cell r="C66" t="str">
            <v>特別養護老人ホーム白水長久苑ユニット型</v>
          </cell>
          <cell r="D66" t="str">
            <v>大分市大字横尾字大原1897番地2</v>
          </cell>
          <cell r="E66" t="str">
            <v>社会福祉法人長久会</v>
          </cell>
          <cell r="F66" t="str">
            <v>理事長</v>
          </cell>
          <cell r="G66" t="str">
            <v>那賀　圭介</v>
          </cell>
          <cell r="H66" t="str">
            <v>２２９８</v>
          </cell>
          <cell r="I66">
            <v>43823</v>
          </cell>
          <cell r="J66">
            <v>43853</v>
          </cell>
          <cell r="K66" t="str">
            <v>木</v>
          </cell>
          <cell r="L66" t="str">
            <v>11:00</v>
          </cell>
          <cell r="M66" t="str">
            <v>～</v>
          </cell>
          <cell r="N66" t="str">
            <v>12:00</v>
          </cell>
        </row>
        <row r="67">
          <cell r="A67">
            <v>441000243</v>
          </cell>
          <cell r="B67">
            <v>42156</v>
          </cell>
          <cell r="C67" t="str">
            <v>短期入所生活介護事業所白水長久苑ユニット型空床利用</v>
          </cell>
          <cell r="D67" t="str">
            <v>大分市大字横尾字大原1897番地2</v>
          </cell>
          <cell r="E67" t="str">
            <v>社会福祉法人長久会</v>
          </cell>
          <cell r="F67" t="str">
            <v>理事長</v>
          </cell>
          <cell r="G67" t="str">
            <v>那賀　圭介</v>
          </cell>
          <cell r="H67" t="str">
            <v>２２９８</v>
          </cell>
          <cell r="I67">
            <v>43823</v>
          </cell>
          <cell r="J67">
            <v>43853</v>
          </cell>
          <cell r="K67" t="str">
            <v>木</v>
          </cell>
          <cell r="L67" t="str">
            <v>11:00</v>
          </cell>
          <cell r="M67" t="str">
            <v>～</v>
          </cell>
          <cell r="N67" t="str">
            <v>12:00</v>
          </cell>
        </row>
        <row r="68">
          <cell r="A68">
            <v>441000278</v>
          </cell>
          <cell r="B68">
            <v>42430</v>
          </cell>
          <cell r="C68" t="str">
            <v>介護老人福祉施設緑風苑</v>
          </cell>
          <cell r="D68" t="str">
            <v>大分市下郡山の手2番17号</v>
          </cell>
          <cell r="E68" t="str">
            <v>社会福祉法人松山会</v>
          </cell>
          <cell r="F68" t="str">
            <v>理事長</v>
          </cell>
          <cell r="G68" t="str">
            <v>大角　秀一</v>
          </cell>
          <cell r="H68" t="str">
            <v>２２９８</v>
          </cell>
          <cell r="I68">
            <v>43823</v>
          </cell>
          <cell r="J68">
            <v>43853</v>
          </cell>
          <cell r="K68" t="str">
            <v>木</v>
          </cell>
          <cell r="L68" t="str">
            <v>13:30</v>
          </cell>
          <cell r="M68" t="str">
            <v>～</v>
          </cell>
          <cell r="N68" t="str">
            <v>14:30</v>
          </cell>
        </row>
        <row r="69">
          <cell r="A69">
            <v>441000226</v>
          </cell>
          <cell r="B69">
            <v>42095</v>
          </cell>
          <cell r="C69" t="str">
            <v>里の風福祉サービス</v>
          </cell>
          <cell r="D69" t="str">
            <v>大分市六坊北町2番61号</v>
          </cell>
          <cell r="E69" t="str">
            <v>特定非営利活動法人里の風</v>
          </cell>
          <cell r="F69" t="str">
            <v>理事長</v>
          </cell>
          <cell r="G69" t="str">
            <v>筌口　友子</v>
          </cell>
          <cell r="H69" t="str">
            <v>２２９８</v>
          </cell>
          <cell r="I69">
            <v>43823</v>
          </cell>
          <cell r="J69">
            <v>43853</v>
          </cell>
          <cell r="K69" t="str">
            <v>木</v>
          </cell>
          <cell r="L69" t="str">
            <v>14:50</v>
          </cell>
          <cell r="M69" t="str">
            <v>～</v>
          </cell>
          <cell r="N69" t="str">
            <v>15:50</v>
          </cell>
        </row>
        <row r="70">
          <cell r="A70">
            <v>441000322</v>
          </cell>
          <cell r="B70">
            <v>42856</v>
          </cell>
          <cell r="C70" t="str">
            <v>サービス付き高齢者住宅つながりの郷</v>
          </cell>
          <cell r="D70" t="str">
            <v>大分市大字政所3365-1</v>
          </cell>
          <cell r="E70" t="str">
            <v>株式会社ケーシーシー</v>
          </cell>
          <cell r="F70" t="str">
            <v>代表取締役</v>
          </cell>
          <cell r="G70" t="str">
            <v>古畑　祐輔</v>
          </cell>
          <cell r="H70" t="str">
            <v>２２９８</v>
          </cell>
          <cell r="I70">
            <v>43823</v>
          </cell>
          <cell r="J70">
            <v>43857</v>
          </cell>
          <cell r="K70" t="str">
            <v>月</v>
          </cell>
          <cell r="L70" t="str">
            <v>9:50</v>
          </cell>
          <cell r="M70" t="str">
            <v>～</v>
          </cell>
          <cell r="N70" t="str">
            <v>10:50</v>
          </cell>
        </row>
        <row r="71">
          <cell r="A71">
            <v>441000363</v>
          </cell>
          <cell r="B71">
            <v>43252</v>
          </cell>
          <cell r="C71" t="str">
            <v>有料老人ホームななみ</v>
          </cell>
          <cell r="D71" t="str">
            <v>大分市大字政所3158-26</v>
          </cell>
          <cell r="E71" t="str">
            <v>株式会社ななみ</v>
          </cell>
          <cell r="F71" t="str">
            <v>代表取締役</v>
          </cell>
          <cell r="G71" t="str">
            <v>岩﨑　優子</v>
          </cell>
          <cell r="H71" t="str">
            <v>２２９８</v>
          </cell>
          <cell r="I71">
            <v>43823</v>
          </cell>
          <cell r="J71">
            <v>43857</v>
          </cell>
          <cell r="K71" t="str">
            <v>月</v>
          </cell>
          <cell r="L71" t="str">
            <v>11:00</v>
          </cell>
          <cell r="M71" t="str">
            <v>～</v>
          </cell>
          <cell r="N71" t="str">
            <v>12:00</v>
          </cell>
        </row>
        <row r="72">
          <cell r="A72">
            <v>441000364</v>
          </cell>
          <cell r="B72">
            <v>43252</v>
          </cell>
          <cell r="C72" t="str">
            <v>ヘルパーステーションななみ</v>
          </cell>
          <cell r="D72" t="str">
            <v>大分市大字政所3158-26</v>
          </cell>
          <cell r="E72" t="str">
            <v>株式会社ななみ</v>
          </cell>
          <cell r="F72" t="str">
            <v>代表取締役</v>
          </cell>
          <cell r="G72" t="str">
            <v>岩﨑　優子</v>
          </cell>
          <cell r="H72" t="str">
            <v>２２９８</v>
          </cell>
          <cell r="I72">
            <v>43823</v>
          </cell>
          <cell r="J72">
            <v>43857</v>
          </cell>
          <cell r="K72" t="str">
            <v>月</v>
          </cell>
          <cell r="L72" t="str">
            <v>11:00</v>
          </cell>
          <cell r="M72" t="str">
            <v>～</v>
          </cell>
          <cell r="N72" t="str">
            <v>12:00</v>
          </cell>
        </row>
        <row r="73">
          <cell r="A73">
            <v>441000365</v>
          </cell>
          <cell r="B73">
            <v>43252</v>
          </cell>
          <cell r="C73" t="str">
            <v>デイサービスななみ</v>
          </cell>
          <cell r="D73" t="str">
            <v>大分市大字政所3158-26</v>
          </cell>
          <cell r="E73" t="str">
            <v>株式会社ななみ</v>
          </cell>
          <cell r="F73" t="str">
            <v>代表取締役</v>
          </cell>
          <cell r="G73" t="str">
            <v>岩﨑　優子</v>
          </cell>
          <cell r="H73" t="str">
            <v>２２９８</v>
          </cell>
          <cell r="I73">
            <v>43823</v>
          </cell>
          <cell r="J73">
            <v>43857</v>
          </cell>
          <cell r="K73" t="str">
            <v>月</v>
          </cell>
          <cell r="L73" t="str">
            <v>11:00</v>
          </cell>
          <cell r="M73" t="str">
            <v>～</v>
          </cell>
          <cell r="N73" t="str">
            <v>12:00</v>
          </cell>
        </row>
        <row r="74">
          <cell r="A74">
            <v>441000374</v>
          </cell>
          <cell r="B74">
            <v>43313</v>
          </cell>
          <cell r="C74" t="str">
            <v>有料老人ホームアークス日岡</v>
          </cell>
          <cell r="D74" t="str">
            <v>大分市松原町1丁目7番4号</v>
          </cell>
          <cell r="E74" t="str">
            <v>医療法人きさらぎ会</v>
          </cell>
          <cell r="F74" t="str">
            <v>理事長</v>
          </cell>
          <cell r="G74" t="str">
            <v>谷川　博文</v>
          </cell>
          <cell r="H74" t="str">
            <v>２２９８</v>
          </cell>
          <cell r="I74">
            <v>43823</v>
          </cell>
          <cell r="J74">
            <v>43857</v>
          </cell>
          <cell r="K74" t="str">
            <v>月</v>
          </cell>
          <cell r="L74" t="str">
            <v>13:30</v>
          </cell>
          <cell r="M74" t="str">
            <v>～</v>
          </cell>
          <cell r="N74" t="str">
            <v>14:30</v>
          </cell>
        </row>
        <row r="75">
          <cell r="A75">
            <v>441000376</v>
          </cell>
          <cell r="B75">
            <v>43344</v>
          </cell>
          <cell r="C75" t="str">
            <v>訪問介護センターはる</v>
          </cell>
          <cell r="D75" t="str">
            <v>大分市大字小池原234番地の3　ｼﾞｪﾙﾑKoMeTaKe106号</v>
          </cell>
          <cell r="E75" t="str">
            <v>株式会社介護サービスセンターめぐみ</v>
          </cell>
          <cell r="F75" t="str">
            <v>代表取締役</v>
          </cell>
          <cell r="G75" t="str">
            <v>佐藤　和恵</v>
          </cell>
          <cell r="H75" t="str">
            <v>２２９８</v>
          </cell>
          <cell r="I75">
            <v>43823</v>
          </cell>
          <cell r="J75">
            <v>43857</v>
          </cell>
          <cell r="K75" t="str">
            <v>月</v>
          </cell>
          <cell r="L75" t="str">
            <v>14:50</v>
          </cell>
          <cell r="M75" t="str">
            <v>～</v>
          </cell>
          <cell r="N75" t="str">
            <v>15:50</v>
          </cell>
        </row>
        <row r="76">
          <cell r="A76">
            <v>441000355</v>
          </cell>
          <cell r="B76">
            <v>43191</v>
          </cell>
          <cell r="C76" t="str">
            <v>看護小規模多機能型居宅介護そら</v>
          </cell>
          <cell r="D76" t="str">
            <v>大分市大字小池原1021番地</v>
          </cell>
          <cell r="E76" t="str">
            <v>社会医療法人敬和会</v>
          </cell>
          <cell r="F76" t="str">
            <v>理事長</v>
          </cell>
          <cell r="G76" t="str">
            <v>岡　　敬二</v>
          </cell>
          <cell r="H76" t="str">
            <v>２２９８</v>
          </cell>
          <cell r="I76">
            <v>43823</v>
          </cell>
          <cell r="J76">
            <v>43857</v>
          </cell>
          <cell r="K76" t="str">
            <v>月</v>
          </cell>
          <cell r="L76" t="str">
            <v>16:00</v>
          </cell>
          <cell r="M76" t="str">
            <v>～</v>
          </cell>
          <cell r="N76" t="str">
            <v>17:00</v>
          </cell>
        </row>
        <row r="77">
          <cell r="A77">
            <v>441000361</v>
          </cell>
          <cell r="B77">
            <v>43252</v>
          </cell>
          <cell r="C77" t="str">
            <v>住宅型有料老人ホームれんげ草ケアハウス</v>
          </cell>
          <cell r="D77" t="str">
            <v>大分市大字家島464-7</v>
          </cell>
          <cell r="E77" t="str">
            <v>株式会社れんげ草</v>
          </cell>
          <cell r="F77" t="str">
            <v>代表取締役</v>
          </cell>
          <cell r="G77" t="str">
            <v>古野　秀明</v>
          </cell>
          <cell r="H77" t="str">
            <v>２２９８</v>
          </cell>
          <cell r="I77">
            <v>43823</v>
          </cell>
          <cell r="J77">
            <v>43860</v>
          </cell>
          <cell r="K77" t="str">
            <v>木</v>
          </cell>
          <cell r="L77" t="str">
            <v>9:50</v>
          </cell>
          <cell r="M77" t="str">
            <v>～</v>
          </cell>
          <cell r="N77" t="str">
            <v>10:50</v>
          </cell>
        </row>
        <row r="78">
          <cell r="A78">
            <v>441000362</v>
          </cell>
          <cell r="B78">
            <v>43252</v>
          </cell>
          <cell r="C78" t="str">
            <v>れんげ草ケアサービス</v>
          </cell>
          <cell r="D78" t="str">
            <v>大分市大字三佐1277-2</v>
          </cell>
          <cell r="E78" t="str">
            <v>株式会社れんげ草</v>
          </cell>
          <cell r="F78" t="str">
            <v>代表取締役</v>
          </cell>
          <cell r="G78" t="str">
            <v>古野　秀明</v>
          </cell>
          <cell r="H78" t="str">
            <v>２２９８</v>
          </cell>
          <cell r="I78">
            <v>43823</v>
          </cell>
          <cell r="J78">
            <v>43860</v>
          </cell>
          <cell r="K78" t="str">
            <v>木</v>
          </cell>
          <cell r="L78" t="str">
            <v>11:00</v>
          </cell>
          <cell r="M78" t="str">
            <v>～</v>
          </cell>
          <cell r="N78" t="str">
            <v>12:00</v>
          </cell>
        </row>
        <row r="79">
          <cell r="A79">
            <v>441000144</v>
          </cell>
          <cell r="B79">
            <v>41456</v>
          </cell>
          <cell r="C79" t="str">
            <v>有料老人ホームライフホーム茜</v>
          </cell>
          <cell r="D79" t="str">
            <v>大分市三川上2丁目6番36号</v>
          </cell>
          <cell r="E79" t="str">
            <v>有限会社ケアセンターほんだ</v>
          </cell>
          <cell r="F79" t="str">
            <v>代表取締役</v>
          </cell>
          <cell r="G79" t="str">
            <v>本田　ちづる</v>
          </cell>
          <cell r="H79" t="str">
            <v>２２９８</v>
          </cell>
          <cell r="I79">
            <v>43823</v>
          </cell>
          <cell r="J79">
            <v>43860</v>
          </cell>
          <cell r="K79" t="str">
            <v>木</v>
          </cell>
          <cell r="L79" t="str">
            <v>13:30</v>
          </cell>
          <cell r="M79" t="str">
            <v>～</v>
          </cell>
          <cell r="N79" t="str">
            <v>14:30</v>
          </cell>
        </row>
        <row r="80">
          <cell r="A80">
            <v>441000251</v>
          </cell>
          <cell r="B80">
            <v>42248</v>
          </cell>
          <cell r="C80" t="str">
            <v>住宅型有料老人ホームナースケアホーム松岡</v>
          </cell>
          <cell r="D80" t="str">
            <v>大分市大字松岡字平ノ迫537番2</v>
          </cell>
          <cell r="E80" t="str">
            <v>株式会社ドゥーハビット</v>
          </cell>
          <cell r="F80" t="str">
            <v>代表取締役</v>
          </cell>
          <cell r="G80" t="str">
            <v>佐藤　由一</v>
          </cell>
          <cell r="H80" t="str">
            <v>２２９８</v>
          </cell>
          <cell r="I80">
            <v>43823</v>
          </cell>
          <cell r="J80">
            <v>43860</v>
          </cell>
          <cell r="K80" t="str">
            <v>木</v>
          </cell>
          <cell r="L80" t="str">
            <v>15:00</v>
          </cell>
          <cell r="M80" t="str">
            <v>～</v>
          </cell>
          <cell r="N80" t="str">
            <v>16:00</v>
          </cell>
        </row>
        <row r="81">
          <cell r="A81">
            <v>441000235</v>
          </cell>
          <cell r="B81">
            <v>42156</v>
          </cell>
          <cell r="C81" t="str">
            <v>介護老人保健施設サンテラスながとみ</v>
          </cell>
          <cell r="D81" t="str">
            <v>大分市西大道2丁目2番1号</v>
          </cell>
          <cell r="E81" t="str">
            <v>医療法人健裕会</v>
          </cell>
          <cell r="F81" t="str">
            <v>理事長</v>
          </cell>
          <cell r="G81" t="str">
            <v>永富　裕文</v>
          </cell>
          <cell r="H81" t="str">
            <v>２６０９</v>
          </cell>
          <cell r="I81">
            <v>43854</v>
          </cell>
          <cell r="J81">
            <v>43865</v>
          </cell>
          <cell r="K81" t="str">
            <v>火</v>
          </cell>
          <cell r="L81" t="str">
            <v>9:30</v>
          </cell>
          <cell r="M81" t="str">
            <v>～</v>
          </cell>
          <cell r="N81" t="str">
            <v>10:30</v>
          </cell>
        </row>
        <row r="82">
          <cell r="A82">
            <v>441000381</v>
          </cell>
          <cell r="B82">
            <v>43435</v>
          </cell>
          <cell r="C82" t="str">
            <v>指定介護老人福祉施設清静園</v>
          </cell>
          <cell r="D82" t="str">
            <v>大分市大字竹中5268番地</v>
          </cell>
          <cell r="E82" t="str">
            <v>社会福祉法人一志会</v>
          </cell>
          <cell r="F82" t="str">
            <v>理事長</v>
          </cell>
          <cell r="G82" t="str">
            <v>大島　敏武</v>
          </cell>
          <cell r="H82" t="str">
            <v>２６０９</v>
          </cell>
          <cell r="I82">
            <v>43854</v>
          </cell>
          <cell r="J82">
            <v>43865</v>
          </cell>
          <cell r="K82" t="str">
            <v>火</v>
          </cell>
          <cell r="L82" t="str">
            <v>11:00</v>
          </cell>
          <cell r="M82" t="str">
            <v>～</v>
          </cell>
          <cell r="N82" t="str">
            <v>12:00</v>
          </cell>
        </row>
        <row r="83">
          <cell r="A83">
            <v>441000388</v>
          </cell>
          <cell r="B83">
            <v>43497</v>
          </cell>
          <cell r="C83" t="str">
            <v>グループホームやすこの家</v>
          </cell>
          <cell r="D83" t="str">
            <v>大分市碩田町3丁目1-16</v>
          </cell>
          <cell r="E83" t="str">
            <v>株式会社れんげ草</v>
          </cell>
          <cell r="F83" t="str">
            <v>代表取締役</v>
          </cell>
          <cell r="G83" t="str">
            <v>古野　秀明</v>
          </cell>
          <cell r="H83" t="str">
            <v>２６０９</v>
          </cell>
          <cell r="I83">
            <v>43854</v>
          </cell>
          <cell r="J83">
            <v>43865</v>
          </cell>
          <cell r="K83" t="str">
            <v>火</v>
          </cell>
          <cell r="L83" t="str">
            <v>13:40</v>
          </cell>
          <cell r="M83" t="str">
            <v>～</v>
          </cell>
          <cell r="N83" t="str">
            <v>14:40</v>
          </cell>
        </row>
        <row r="84">
          <cell r="A84">
            <v>441000135</v>
          </cell>
          <cell r="B84">
            <v>41365</v>
          </cell>
          <cell r="C84" t="str">
            <v>グループホームつかがわ</v>
          </cell>
          <cell r="D84" t="str">
            <v>大分市東春日町5番25号</v>
          </cell>
          <cell r="E84" t="str">
            <v>医療法人博光会</v>
          </cell>
          <cell r="F84" t="str">
            <v>理事長</v>
          </cell>
          <cell r="G84" t="str">
            <v>塚川　博志</v>
          </cell>
          <cell r="H84" t="str">
            <v>２６０９</v>
          </cell>
          <cell r="I84">
            <v>43854</v>
          </cell>
          <cell r="J84">
            <v>43865</v>
          </cell>
          <cell r="K84" t="str">
            <v>火</v>
          </cell>
          <cell r="L84" t="str">
            <v>14:50</v>
          </cell>
          <cell r="M84" t="str">
            <v>～</v>
          </cell>
          <cell r="N84" t="str">
            <v>15:50</v>
          </cell>
        </row>
        <row r="85">
          <cell r="A85">
            <v>441000237</v>
          </cell>
          <cell r="B85">
            <v>42156</v>
          </cell>
          <cell r="C85" t="str">
            <v>アーバンリブ金池</v>
          </cell>
          <cell r="D85" t="str">
            <v>大分市要町3番7号</v>
          </cell>
          <cell r="E85" t="str">
            <v>株式会社フレアイン</v>
          </cell>
          <cell r="F85" t="str">
            <v>代表取締役社長</v>
          </cell>
          <cell r="G85" t="str">
            <v>橋本　カズヱ</v>
          </cell>
          <cell r="H85" t="str">
            <v>２６０９</v>
          </cell>
          <cell r="I85">
            <v>43854</v>
          </cell>
          <cell r="J85">
            <v>43865</v>
          </cell>
          <cell r="K85" t="str">
            <v>火</v>
          </cell>
          <cell r="L85" t="str">
            <v>16:00</v>
          </cell>
          <cell r="M85" t="str">
            <v>～</v>
          </cell>
          <cell r="N85" t="str">
            <v>17:00</v>
          </cell>
        </row>
        <row r="86">
          <cell r="A86">
            <v>441000258</v>
          </cell>
          <cell r="B86">
            <v>42309</v>
          </cell>
          <cell r="C86" t="str">
            <v>特別養護老人ホームそうだ藤の森（短期入所生活介護）</v>
          </cell>
          <cell r="D86" t="str">
            <v>大分市大字寒田202番地</v>
          </cell>
          <cell r="E86" t="str">
            <v>社会福祉法人三愛会</v>
          </cell>
          <cell r="F86" t="str">
            <v>理事長</v>
          </cell>
          <cell r="G86" t="str">
            <v>半澤　一邦</v>
          </cell>
          <cell r="H86" t="str">
            <v>２６０９</v>
          </cell>
          <cell r="I86">
            <v>43854</v>
          </cell>
          <cell r="J86">
            <v>43867</v>
          </cell>
          <cell r="K86" t="str">
            <v>木</v>
          </cell>
          <cell r="L86" t="str">
            <v>9:50</v>
          </cell>
          <cell r="M86" t="str">
            <v>～</v>
          </cell>
          <cell r="N86" t="str">
            <v>10:50</v>
          </cell>
        </row>
        <row r="87">
          <cell r="A87">
            <v>441000266</v>
          </cell>
          <cell r="B87">
            <v>42339</v>
          </cell>
          <cell r="C87" t="str">
            <v>特別養護老人ホームそうだ藤の森（障がい者短期入所）</v>
          </cell>
          <cell r="D87" t="str">
            <v>大分市大字寒田202番地</v>
          </cell>
          <cell r="E87" t="str">
            <v>社会福祉法人三愛会</v>
          </cell>
          <cell r="F87" t="str">
            <v>理事長</v>
          </cell>
          <cell r="G87" t="str">
            <v>半澤　一邦</v>
          </cell>
          <cell r="H87" t="str">
            <v>２６０９</v>
          </cell>
          <cell r="I87">
            <v>43854</v>
          </cell>
          <cell r="J87">
            <v>43867</v>
          </cell>
          <cell r="K87" t="str">
            <v>木</v>
          </cell>
          <cell r="L87" t="str">
            <v>9:50</v>
          </cell>
          <cell r="M87" t="str">
            <v>～</v>
          </cell>
          <cell r="N87" t="str">
            <v>10:50</v>
          </cell>
        </row>
        <row r="88">
          <cell r="A88">
            <v>441000172</v>
          </cell>
          <cell r="B88">
            <v>41671</v>
          </cell>
          <cell r="C88" t="str">
            <v>サテライト型介護老人保健施設メディケア山桜花</v>
          </cell>
          <cell r="D88" t="str">
            <v>大分市大字寒田486番26</v>
          </cell>
          <cell r="E88" t="str">
            <v>医療法人展寿会</v>
          </cell>
          <cell r="F88" t="str">
            <v>理事長</v>
          </cell>
          <cell r="G88" t="str">
            <v>梶本　展孝</v>
          </cell>
          <cell r="H88" t="str">
            <v>２６０９</v>
          </cell>
          <cell r="I88">
            <v>43854</v>
          </cell>
          <cell r="J88">
            <v>43867</v>
          </cell>
          <cell r="K88" t="str">
            <v>木</v>
          </cell>
          <cell r="L88" t="str">
            <v>11:00</v>
          </cell>
          <cell r="M88" t="str">
            <v>～</v>
          </cell>
          <cell r="N88" t="str">
            <v>12:00</v>
          </cell>
        </row>
        <row r="89">
          <cell r="A89">
            <v>441000308</v>
          </cell>
          <cell r="B89">
            <v>42675</v>
          </cell>
          <cell r="C89" t="str">
            <v>ショートステイ山桜花</v>
          </cell>
          <cell r="D89" t="str">
            <v>大分市大字寒田486番26</v>
          </cell>
          <cell r="E89" t="str">
            <v>医療法人展寿会</v>
          </cell>
          <cell r="F89" t="str">
            <v>理事長</v>
          </cell>
          <cell r="G89" t="str">
            <v>梶本　展孝</v>
          </cell>
          <cell r="H89" t="str">
            <v>２６０９</v>
          </cell>
          <cell r="I89">
            <v>43854</v>
          </cell>
          <cell r="J89">
            <v>43867</v>
          </cell>
          <cell r="K89" t="str">
            <v>木</v>
          </cell>
          <cell r="L89" t="str">
            <v>11:00</v>
          </cell>
          <cell r="M89" t="str">
            <v>～</v>
          </cell>
          <cell r="N89" t="str">
            <v>12:00</v>
          </cell>
        </row>
        <row r="90">
          <cell r="A90">
            <v>441000265</v>
          </cell>
          <cell r="B90">
            <v>42339</v>
          </cell>
          <cell r="C90" t="str">
            <v>特別養護老人ホーム天領ガーデン（短期入所生活介護）</v>
          </cell>
          <cell r="D90" t="str">
            <v>大分市大字田尻字高尾784-1</v>
          </cell>
          <cell r="E90" t="str">
            <v>社会福祉法人三愛会</v>
          </cell>
          <cell r="F90" t="str">
            <v>理事長</v>
          </cell>
          <cell r="G90" t="str">
            <v>半澤　一邦</v>
          </cell>
          <cell r="H90" t="str">
            <v>２６０９</v>
          </cell>
          <cell r="I90">
            <v>43854</v>
          </cell>
          <cell r="J90">
            <v>43867</v>
          </cell>
          <cell r="K90" t="str">
            <v>木</v>
          </cell>
          <cell r="L90" t="str">
            <v>13:30</v>
          </cell>
          <cell r="M90" t="str">
            <v>～</v>
          </cell>
          <cell r="N90" t="str">
            <v>14:30</v>
          </cell>
        </row>
        <row r="91">
          <cell r="A91">
            <v>441000249</v>
          </cell>
          <cell r="B91">
            <v>42217</v>
          </cell>
          <cell r="C91" t="str">
            <v>特別養護老人ホームＧｒｅｅｎガーデン南大分</v>
          </cell>
          <cell r="D91" t="str">
            <v>大分市大字羽屋105番地の1</v>
          </cell>
          <cell r="E91" t="str">
            <v>社会福祉法人大翔会</v>
          </cell>
          <cell r="F91" t="str">
            <v>理事長</v>
          </cell>
          <cell r="G91" t="str">
            <v>渡邉　利章</v>
          </cell>
          <cell r="H91" t="str">
            <v>２６０９</v>
          </cell>
          <cell r="I91">
            <v>43854</v>
          </cell>
          <cell r="J91">
            <v>43867</v>
          </cell>
          <cell r="K91" t="str">
            <v>木</v>
          </cell>
          <cell r="L91" t="str">
            <v>15:00</v>
          </cell>
          <cell r="M91" t="str">
            <v>～</v>
          </cell>
          <cell r="N91" t="str">
            <v>16:00</v>
          </cell>
        </row>
        <row r="92">
          <cell r="A92">
            <v>441000241</v>
          </cell>
          <cell r="B92">
            <v>42156</v>
          </cell>
          <cell r="C92" t="str">
            <v>いまじんヘルパーステーション</v>
          </cell>
          <cell r="D92" t="str">
            <v>大分市中島西3丁目8番35号</v>
          </cell>
          <cell r="E92" t="str">
            <v>株式会社福祉の杜いまじん</v>
          </cell>
          <cell r="F92" t="str">
            <v>代表取締役</v>
          </cell>
          <cell r="G92" t="str">
            <v>工藤　美奈子</v>
          </cell>
          <cell r="H92" t="str">
            <v>２６０９</v>
          </cell>
          <cell r="I92">
            <v>43854</v>
          </cell>
          <cell r="J92">
            <v>43886</v>
          </cell>
          <cell r="K92" t="str">
            <v>火</v>
          </cell>
          <cell r="L92" t="str">
            <v>9:40</v>
          </cell>
          <cell r="M92" t="str">
            <v>～</v>
          </cell>
          <cell r="N92" t="str">
            <v>10:40</v>
          </cell>
        </row>
        <row r="93">
          <cell r="A93">
            <v>441000356</v>
          </cell>
          <cell r="B93">
            <v>43191</v>
          </cell>
          <cell r="C93" t="str">
            <v>老健おおつか</v>
          </cell>
          <cell r="D93" t="str">
            <v>大分市中島中央1丁目1の8</v>
          </cell>
          <cell r="E93" t="str">
            <v>医療法人進修会</v>
          </cell>
          <cell r="F93" t="str">
            <v>理事長</v>
          </cell>
          <cell r="G93" t="str">
            <v>大塚　誠一郎</v>
          </cell>
          <cell r="H93" t="str">
            <v>２６０９</v>
          </cell>
          <cell r="I93">
            <v>43854</v>
          </cell>
          <cell r="J93">
            <v>43886</v>
          </cell>
          <cell r="K93" t="str">
            <v>火</v>
          </cell>
          <cell r="L93" t="str">
            <v>10：50</v>
          </cell>
          <cell r="M93" t="str">
            <v>～</v>
          </cell>
          <cell r="N93" t="str">
            <v>11：50</v>
          </cell>
        </row>
        <row r="94">
          <cell r="A94">
            <v>441000357</v>
          </cell>
          <cell r="B94">
            <v>43191</v>
          </cell>
          <cell r="C94" t="str">
            <v>ショートステイ中島</v>
          </cell>
          <cell r="D94" t="str">
            <v>大分市中島中央1丁目1の8</v>
          </cell>
          <cell r="E94" t="str">
            <v>医療法人進修会</v>
          </cell>
          <cell r="F94" t="str">
            <v>理事長</v>
          </cell>
          <cell r="G94" t="str">
            <v>大塚　誠一郎</v>
          </cell>
          <cell r="H94" t="str">
            <v>２６０９</v>
          </cell>
          <cell r="I94">
            <v>43854</v>
          </cell>
          <cell r="J94">
            <v>43886</v>
          </cell>
          <cell r="K94" t="str">
            <v>火</v>
          </cell>
          <cell r="L94" t="str">
            <v>10：50</v>
          </cell>
          <cell r="M94" t="str">
            <v>～</v>
          </cell>
          <cell r="N94" t="str">
            <v>11：50</v>
          </cell>
        </row>
        <row r="95">
          <cell r="A95">
            <v>441000190</v>
          </cell>
          <cell r="B95">
            <v>41791</v>
          </cell>
          <cell r="C95" t="str">
            <v>ヘルパーステーションマイウェイ</v>
          </cell>
          <cell r="D95" t="str">
            <v>別府市石垣西2丁目2番13号</v>
          </cell>
          <cell r="E95" t="str">
            <v>株式会社鶴進ＨＭＧ</v>
          </cell>
          <cell r="F95" t="str">
            <v>代表取締役</v>
          </cell>
          <cell r="G95" t="str">
            <v>日野　宏二郎</v>
          </cell>
          <cell r="H95" t="str">
            <v>２６０９</v>
          </cell>
          <cell r="I95">
            <v>43854</v>
          </cell>
          <cell r="J95">
            <v>43888</v>
          </cell>
          <cell r="K95" t="str">
            <v>木</v>
          </cell>
          <cell r="L95" t="str">
            <v>9:50</v>
          </cell>
          <cell r="M95" t="str">
            <v>～</v>
          </cell>
          <cell r="N95" t="str">
            <v>10:50</v>
          </cell>
        </row>
        <row r="96">
          <cell r="A96">
            <v>441000244</v>
          </cell>
          <cell r="B96">
            <v>42186</v>
          </cell>
          <cell r="C96" t="str">
            <v>特定施設入居者生活介護　特定施設メゾン・ド・いっとうえん</v>
          </cell>
          <cell r="D96" t="str">
            <v>別府市石垣東3丁目1番40号</v>
          </cell>
          <cell r="E96" t="str">
            <v>社会福祉法人一燈園</v>
          </cell>
          <cell r="F96" t="str">
            <v>理事長</v>
          </cell>
          <cell r="G96" t="str">
            <v>神徳　博宗</v>
          </cell>
          <cell r="H96" t="str">
            <v>２６０９</v>
          </cell>
          <cell r="I96">
            <v>43854</v>
          </cell>
          <cell r="J96">
            <v>43888</v>
          </cell>
          <cell r="K96" t="str">
            <v>木</v>
          </cell>
          <cell r="L96" t="str">
            <v>11:00</v>
          </cell>
          <cell r="M96" t="str">
            <v>～</v>
          </cell>
          <cell r="N96" t="str">
            <v>12:00</v>
          </cell>
        </row>
        <row r="97">
          <cell r="A97">
            <v>441000273</v>
          </cell>
          <cell r="B97">
            <v>42401</v>
          </cell>
          <cell r="C97" t="str">
            <v>介護老人保健施設いでゆの園</v>
          </cell>
          <cell r="D97" t="str">
            <v>別府市大字北石垣字深町846番地の2</v>
          </cell>
          <cell r="E97" t="str">
            <v>医療法人別府玄々堂</v>
          </cell>
          <cell r="F97" t="str">
            <v>理事長</v>
          </cell>
          <cell r="G97" t="str">
            <v>花岡　雅秀</v>
          </cell>
          <cell r="H97" t="str">
            <v>２６０９</v>
          </cell>
          <cell r="I97">
            <v>43854</v>
          </cell>
          <cell r="J97">
            <v>43888</v>
          </cell>
          <cell r="K97" t="str">
            <v>木</v>
          </cell>
          <cell r="L97" t="str">
            <v>13:30</v>
          </cell>
          <cell r="M97" t="str">
            <v>～</v>
          </cell>
          <cell r="N97" t="str">
            <v>14:30</v>
          </cell>
        </row>
        <row r="98">
          <cell r="A98">
            <v>441000027</v>
          </cell>
          <cell r="B98">
            <v>41000</v>
          </cell>
          <cell r="C98" t="str">
            <v>特別養護老人ホーム和幸苑</v>
          </cell>
          <cell r="D98" t="str">
            <v>別府市大字野田1494番地の1</v>
          </cell>
          <cell r="E98" t="str">
            <v>社会福祉法人豊心会</v>
          </cell>
          <cell r="F98" t="str">
            <v>理事長</v>
          </cell>
          <cell r="G98" t="str">
            <v>溝部　　洋</v>
          </cell>
          <cell r="H98" t="str">
            <v>２６０９</v>
          </cell>
          <cell r="I98">
            <v>43854</v>
          </cell>
          <cell r="J98">
            <v>43888</v>
          </cell>
          <cell r="K98" t="str">
            <v>木</v>
          </cell>
          <cell r="L98" t="str">
            <v>14:50</v>
          </cell>
          <cell r="M98" t="str">
            <v>～</v>
          </cell>
          <cell r="N98" t="str">
            <v>15:50</v>
          </cell>
        </row>
        <row r="99">
          <cell r="A99">
            <v>441000384</v>
          </cell>
          <cell r="B99">
            <v>43435</v>
          </cell>
          <cell r="C99" t="str">
            <v>特別養護老人ホーム静雲荘</v>
          </cell>
          <cell r="D99" t="str">
            <v>別府市大字野田字サッショウ原1293番地の1</v>
          </cell>
          <cell r="E99" t="str">
            <v>社会福祉法人友愛会</v>
          </cell>
          <cell r="F99" t="str">
            <v>理事長</v>
          </cell>
          <cell r="G99" t="str">
            <v>身吉　隆雄</v>
          </cell>
          <cell r="H99" t="str">
            <v>２６０９</v>
          </cell>
          <cell r="I99">
            <v>43854</v>
          </cell>
          <cell r="J99">
            <v>43894</v>
          </cell>
          <cell r="K99" t="str">
            <v>水</v>
          </cell>
          <cell r="L99" t="str">
            <v>10：00</v>
          </cell>
          <cell r="M99" t="str">
            <v>～</v>
          </cell>
          <cell r="N99" t="str">
            <v>11：00</v>
          </cell>
        </row>
        <row r="100">
          <cell r="A100">
            <v>441000385</v>
          </cell>
          <cell r="B100">
            <v>43435</v>
          </cell>
          <cell r="C100" t="str">
            <v>地域密着型特別養護老人ホーム静雲荘</v>
          </cell>
          <cell r="D100" t="str">
            <v>別府市大字野田字サッショウ原1293番地の1</v>
          </cell>
          <cell r="E100" t="str">
            <v>社会福祉法人友愛会</v>
          </cell>
          <cell r="F100" t="str">
            <v>理事長</v>
          </cell>
          <cell r="G100" t="str">
            <v>身吉　隆雄</v>
          </cell>
          <cell r="H100" t="str">
            <v>２６０９</v>
          </cell>
          <cell r="I100">
            <v>43854</v>
          </cell>
          <cell r="J100">
            <v>43894</v>
          </cell>
          <cell r="K100" t="str">
            <v>水</v>
          </cell>
          <cell r="L100" t="str">
            <v>10：00</v>
          </cell>
          <cell r="M100" t="str">
            <v>～</v>
          </cell>
          <cell r="N100" t="str">
            <v>11：00</v>
          </cell>
        </row>
        <row r="101">
          <cell r="A101">
            <v>441000373</v>
          </cell>
          <cell r="B101">
            <v>43313</v>
          </cell>
          <cell r="C101" t="str">
            <v>サービス付き高齢者向け住宅つどい</v>
          </cell>
          <cell r="D101" t="str">
            <v>別府市末広町3番1号</v>
          </cell>
          <cell r="E101" t="str">
            <v>医療法人博慈会</v>
          </cell>
          <cell r="F101" t="str">
            <v>理事長</v>
          </cell>
          <cell r="G101" t="str">
            <v>内田　明宏</v>
          </cell>
          <cell r="H101" t="str">
            <v>２６０９</v>
          </cell>
          <cell r="I101">
            <v>43854</v>
          </cell>
          <cell r="J101">
            <v>43894</v>
          </cell>
          <cell r="K101" t="str">
            <v>水</v>
          </cell>
          <cell r="L101" t="str">
            <v>13:30</v>
          </cell>
          <cell r="M101" t="str">
            <v>～</v>
          </cell>
          <cell r="N101" t="str">
            <v>14:30</v>
          </cell>
        </row>
        <row r="102">
          <cell r="A102">
            <v>441000236</v>
          </cell>
          <cell r="B102">
            <v>42156</v>
          </cell>
          <cell r="C102" t="str">
            <v>介護老人保健施設メディケア別府</v>
          </cell>
          <cell r="D102" t="str">
            <v>別府市中島町14番6号</v>
          </cell>
          <cell r="E102" t="str">
            <v>医療法人社団仁泉会</v>
          </cell>
          <cell r="F102" t="str">
            <v>理事長</v>
          </cell>
          <cell r="G102" t="str">
            <v>畑　　洋一</v>
          </cell>
          <cell r="H102" t="str">
            <v>２６０９</v>
          </cell>
          <cell r="I102">
            <v>43854</v>
          </cell>
          <cell r="J102">
            <v>43894</v>
          </cell>
          <cell r="K102" t="str">
            <v>水</v>
          </cell>
          <cell r="L102" t="str">
            <v>14：40</v>
          </cell>
          <cell r="M102" t="str">
            <v>～</v>
          </cell>
          <cell r="N102" t="str">
            <v>15：40</v>
          </cell>
        </row>
      </sheetData>
      <sheetData sheetId="5" refreshError="1"/>
      <sheetData sheetId="6" refreshError="1"/>
      <sheetData sheetId="7" refreshError="1"/>
      <sheetData sheetId="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2"/>
  <sheetViews>
    <sheetView showGridLines="0" tabSelected="1" view="pageBreakPreview" zoomScale="80" zoomScaleNormal="100" zoomScaleSheetLayoutView="80" workbookViewId="0">
      <selection activeCell="Q9" sqref="Q9"/>
    </sheetView>
  </sheetViews>
  <sheetFormatPr defaultColWidth="9" defaultRowHeight="17.25" x14ac:dyDescent="0.15"/>
  <cols>
    <col min="1" max="8" width="10.125" style="1" customWidth="1"/>
    <col min="9" max="10" width="9" style="1"/>
    <col min="11" max="11" width="10.25" style="1" customWidth="1"/>
    <col min="12" max="16384" width="9" style="1"/>
  </cols>
  <sheetData>
    <row r="1" spans="1:11" ht="17.25" customHeight="1" x14ac:dyDescent="0.15">
      <c r="B1" s="47" t="s">
        <v>63</v>
      </c>
      <c r="C1" s="47"/>
      <c r="D1" s="47"/>
      <c r="E1" s="47"/>
      <c r="F1" s="47"/>
      <c r="G1" s="47"/>
      <c r="H1" s="47"/>
      <c r="I1" s="47"/>
      <c r="J1" s="47"/>
    </row>
    <row r="2" spans="1:11" ht="17.25" customHeight="1" x14ac:dyDescent="0.15">
      <c r="B2" s="47"/>
      <c r="C2" s="47"/>
      <c r="D2" s="47"/>
      <c r="E2" s="47"/>
      <c r="F2" s="47"/>
      <c r="G2" s="47"/>
      <c r="H2" s="47"/>
      <c r="I2" s="47"/>
      <c r="J2" s="47"/>
    </row>
    <row r="3" spans="1:11" ht="17.25" customHeight="1" x14ac:dyDescent="0.15">
      <c r="B3" s="47"/>
      <c r="C3" s="47"/>
      <c r="D3" s="47"/>
      <c r="E3" s="47"/>
      <c r="F3" s="47"/>
      <c r="G3" s="47"/>
      <c r="H3" s="47"/>
      <c r="I3" s="47"/>
      <c r="J3" s="47"/>
    </row>
    <row r="4" spans="1:11" ht="17.25" customHeight="1" x14ac:dyDescent="0.15">
      <c r="B4" s="47"/>
      <c r="C4" s="47"/>
      <c r="D4" s="47"/>
      <c r="E4" s="47"/>
      <c r="F4" s="47"/>
      <c r="G4" s="47"/>
      <c r="H4" s="47"/>
      <c r="I4" s="47"/>
      <c r="J4" s="47"/>
    </row>
    <row r="5" spans="1:11" ht="24" x14ac:dyDescent="0.15">
      <c r="B5" s="8"/>
      <c r="C5" s="8"/>
      <c r="D5" s="8"/>
      <c r="E5" s="8"/>
      <c r="F5" s="8"/>
      <c r="G5" s="8"/>
      <c r="H5" s="8"/>
      <c r="I5" s="8"/>
      <c r="J5" s="8"/>
    </row>
    <row r="6" spans="1:11" s="7" customFormat="1" ht="104.25" customHeight="1" x14ac:dyDescent="0.15">
      <c r="A6" s="48" t="s">
        <v>0</v>
      </c>
      <c r="B6" s="48"/>
      <c r="C6" s="48"/>
      <c r="D6" s="48"/>
      <c r="E6" s="48"/>
      <c r="F6" s="48"/>
      <c r="G6" s="48"/>
      <c r="H6" s="48"/>
      <c r="I6" s="48"/>
      <c r="J6" s="49"/>
      <c r="K6" s="49"/>
    </row>
    <row r="7" spans="1:11" ht="9.75" customHeight="1" x14ac:dyDescent="0.15">
      <c r="A7" s="2"/>
      <c r="B7" s="3"/>
      <c r="C7" s="3"/>
      <c r="D7" s="3"/>
      <c r="E7" s="9"/>
      <c r="F7" s="9"/>
      <c r="G7" s="9"/>
      <c r="H7" s="9"/>
      <c r="I7" s="9"/>
      <c r="J7" s="9"/>
      <c r="K7" s="9"/>
    </row>
    <row r="8" spans="1:11" s="7" customFormat="1" ht="288" customHeight="1" x14ac:dyDescent="0.15">
      <c r="A8" s="48" t="s">
        <v>64</v>
      </c>
      <c r="B8" s="48"/>
      <c r="C8" s="48"/>
      <c r="D8" s="48"/>
      <c r="E8" s="48"/>
      <c r="F8" s="48"/>
      <c r="G8" s="48"/>
      <c r="H8" s="48"/>
      <c r="I8" s="48"/>
      <c r="J8" s="49"/>
      <c r="K8" s="49"/>
    </row>
    <row r="9" spans="1:11" s="7" customFormat="1" ht="376.5" customHeight="1" x14ac:dyDescent="0.15">
      <c r="A9" s="48" t="s">
        <v>65</v>
      </c>
      <c r="B9" s="48"/>
      <c r="C9" s="48"/>
      <c r="D9" s="48"/>
      <c r="E9" s="48"/>
      <c r="F9" s="48"/>
      <c r="G9" s="48"/>
      <c r="H9" s="48"/>
      <c r="I9" s="48"/>
      <c r="J9" s="49"/>
      <c r="K9" s="49"/>
    </row>
    <row r="10" spans="1:11" ht="27.75" customHeight="1" x14ac:dyDescent="0.15">
      <c r="A10" s="45"/>
      <c r="B10" s="46"/>
      <c r="C10" s="46"/>
      <c r="D10" s="46"/>
      <c r="E10" s="46"/>
      <c r="F10" s="46"/>
      <c r="G10" s="46"/>
      <c r="H10" s="3"/>
      <c r="I10" s="3"/>
    </row>
    <row r="11" spans="1:11" ht="27.75" customHeight="1" x14ac:dyDescent="0.15">
      <c r="A11" s="3"/>
      <c r="B11" s="3"/>
      <c r="C11" s="3"/>
      <c r="D11" s="3"/>
      <c r="E11" s="3"/>
      <c r="F11" s="3"/>
      <c r="G11" s="3"/>
      <c r="H11" s="3"/>
      <c r="I11" s="3"/>
    </row>
    <row r="12" spans="1:11" ht="22.5" customHeight="1" x14ac:dyDescent="0.15">
      <c r="A12" s="45"/>
      <c r="B12" s="46"/>
      <c r="C12" s="3"/>
      <c r="D12" s="3"/>
      <c r="E12" s="3"/>
      <c r="F12" s="3"/>
      <c r="G12" s="3"/>
      <c r="H12" s="3"/>
      <c r="I12" s="3"/>
    </row>
  </sheetData>
  <mergeCells count="6">
    <mergeCell ref="A12:B12"/>
    <mergeCell ref="B1:J4"/>
    <mergeCell ref="A6:K6"/>
    <mergeCell ref="A8:K8"/>
    <mergeCell ref="A9:K9"/>
    <mergeCell ref="A10:G10"/>
  </mergeCells>
  <phoneticPr fontId="5"/>
  <pageMargins left="0.59055118110236227" right="0.59055118110236227" top="0.74803149606299213" bottom="0.74803149606299213" header="0.31496062992125984" footer="0.31496062992125984"/>
  <pageSetup paperSize="9" scale="84" orientation="portrait" r:id="rId1"/>
  <rowBreaks count="1" manualBreakCount="1">
    <brk id="10" max="1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7"/>
  <sheetViews>
    <sheetView showGridLines="0" view="pageBreakPreview" topLeftCell="A4" zoomScaleNormal="100" zoomScaleSheetLayoutView="100" workbookViewId="0">
      <selection activeCell="L16" sqref="L16"/>
    </sheetView>
  </sheetViews>
  <sheetFormatPr defaultRowHeight="15" x14ac:dyDescent="0.15"/>
  <cols>
    <col min="1" max="1" width="3.25" style="6" customWidth="1"/>
    <col min="2" max="2" width="17.875" style="6" customWidth="1"/>
    <col min="3" max="3" width="9" style="6" customWidth="1"/>
    <col min="4" max="4" width="6.625" style="6" customWidth="1"/>
    <col min="5" max="5" width="9" style="6"/>
    <col min="6" max="7" width="9.375" style="6" customWidth="1"/>
    <col min="8" max="8" width="9" style="6"/>
    <col min="9" max="9" width="13.125" style="6" customWidth="1"/>
    <col min="10" max="10" width="9.625" style="6" customWidth="1"/>
    <col min="11" max="16384" width="9" style="6"/>
  </cols>
  <sheetData>
    <row r="1" spans="1:10" ht="21.75" customHeight="1" x14ac:dyDescent="0.15">
      <c r="B1" s="6" t="s">
        <v>1</v>
      </c>
      <c r="I1" s="50"/>
      <c r="J1" s="50"/>
    </row>
    <row r="2" spans="1:10" ht="21.75" customHeight="1" x14ac:dyDescent="0.15">
      <c r="I2" s="51"/>
      <c r="J2" s="51"/>
    </row>
    <row r="3" spans="1:10" ht="21.75" customHeight="1" x14ac:dyDescent="0.15">
      <c r="B3" s="52" t="s">
        <v>5</v>
      </c>
      <c r="C3" s="53"/>
      <c r="D3" s="53"/>
      <c r="E3" s="53"/>
      <c r="F3" s="53"/>
      <c r="G3" s="53"/>
      <c r="H3" s="53"/>
      <c r="I3" s="53"/>
      <c r="J3" s="13"/>
    </row>
    <row r="4" spans="1:10" ht="21.75" customHeight="1" x14ac:dyDescent="0.15">
      <c r="B4" s="53"/>
      <c r="C4" s="53"/>
      <c r="D4" s="53"/>
      <c r="E4" s="53"/>
      <c r="F4" s="53"/>
      <c r="G4" s="53"/>
      <c r="H4" s="53"/>
      <c r="I4" s="53"/>
      <c r="J4" s="13"/>
    </row>
    <row r="5" spans="1:10" ht="21.75" customHeight="1" x14ac:dyDescent="0.15"/>
    <row r="6" spans="1:10" ht="21.75" customHeight="1" x14ac:dyDescent="0.15">
      <c r="G6" s="6" t="s">
        <v>6</v>
      </c>
    </row>
    <row r="8" spans="1:10" ht="21.75" customHeight="1" x14ac:dyDescent="0.15">
      <c r="A8" s="14"/>
      <c r="B8" s="15"/>
      <c r="C8" s="16"/>
      <c r="D8" s="16"/>
      <c r="E8" s="16"/>
      <c r="F8" s="17"/>
      <c r="G8" s="17"/>
    </row>
    <row r="9" spans="1:10" ht="21.75" customHeight="1" x14ac:dyDescent="0.15">
      <c r="A9" s="14"/>
      <c r="B9" s="54" t="s">
        <v>8</v>
      </c>
      <c r="C9" s="55"/>
      <c r="D9" s="55"/>
      <c r="E9" s="55"/>
      <c r="F9" s="17"/>
      <c r="G9" s="17"/>
    </row>
    <row r="10" spans="1:10" ht="21.75" customHeight="1" x14ac:dyDescent="0.15">
      <c r="A10" s="14"/>
      <c r="B10" s="15"/>
      <c r="C10" s="16"/>
      <c r="D10" s="16"/>
      <c r="E10" s="16"/>
      <c r="F10" s="17"/>
      <c r="G10" s="17"/>
    </row>
    <row r="11" spans="1:10" ht="21.75" customHeight="1" x14ac:dyDescent="0.15">
      <c r="A11" s="14"/>
      <c r="B11" s="15"/>
      <c r="C11" s="19"/>
      <c r="D11" s="19"/>
      <c r="E11" s="54" t="s">
        <v>13</v>
      </c>
      <c r="F11" s="58"/>
    </row>
    <row r="12" spans="1:10" ht="21.75" customHeight="1" x14ac:dyDescent="0.15">
      <c r="A12" s="14"/>
      <c r="B12" s="15"/>
      <c r="C12" s="19"/>
      <c r="D12" s="19"/>
      <c r="E12" s="19"/>
      <c r="F12" s="12" t="s">
        <v>2</v>
      </c>
      <c r="G12" s="54"/>
      <c r="H12" s="55"/>
      <c r="I12" s="55"/>
      <c r="J12" s="55"/>
    </row>
    <row r="13" spans="1:10" ht="21.75" customHeight="1" x14ac:dyDescent="0.15">
      <c r="A13" s="14"/>
      <c r="B13" s="15"/>
      <c r="C13" s="19"/>
      <c r="D13" s="19"/>
      <c r="E13" s="19"/>
      <c r="F13" s="12" t="s">
        <v>3</v>
      </c>
      <c r="G13" s="54"/>
      <c r="H13" s="55"/>
      <c r="I13" s="55"/>
      <c r="J13" s="6" t="s">
        <v>9</v>
      </c>
    </row>
    <row r="14" spans="1:10" ht="21.75" customHeight="1" x14ac:dyDescent="0.15">
      <c r="A14" s="14"/>
      <c r="B14" s="15"/>
      <c r="C14" s="19"/>
      <c r="D14" s="19"/>
      <c r="E14" s="19"/>
      <c r="F14" s="10" t="s">
        <v>4</v>
      </c>
      <c r="G14" s="54"/>
      <c r="H14" s="55"/>
      <c r="I14" s="55"/>
    </row>
    <row r="15" spans="1:10" ht="21.75" customHeight="1" x14ac:dyDescent="0.15">
      <c r="A15" s="14"/>
      <c r="B15" s="15"/>
      <c r="C15" s="19"/>
      <c r="D15" s="19"/>
      <c r="E15" s="19"/>
    </row>
    <row r="16" spans="1:10" ht="21.75" customHeight="1" x14ac:dyDescent="0.15">
      <c r="A16" s="14"/>
      <c r="B16" s="15"/>
      <c r="C16" s="19"/>
      <c r="D16" s="19"/>
      <c r="E16" s="19"/>
    </row>
    <row r="17" spans="1:10" ht="79.5" customHeight="1" x14ac:dyDescent="0.15">
      <c r="A17" s="56" t="s">
        <v>7</v>
      </c>
      <c r="B17" s="56"/>
      <c r="C17" s="56"/>
      <c r="D17" s="56"/>
      <c r="E17" s="56"/>
      <c r="F17" s="56"/>
      <c r="G17" s="56"/>
      <c r="H17" s="56"/>
      <c r="I17" s="56"/>
      <c r="J17" s="56"/>
    </row>
    <row r="18" spans="1:10" x14ac:dyDescent="0.15">
      <c r="A18" s="57"/>
      <c r="B18" s="57"/>
      <c r="C18" s="57"/>
      <c r="D18" s="57"/>
      <c r="E18" s="57"/>
      <c r="F18" s="57"/>
      <c r="G18" s="57"/>
      <c r="H18" s="57"/>
      <c r="I18" s="57"/>
      <c r="J18" s="57"/>
    </row>
    <row r="21" spans="1:10" ht="21.75" customHeight="1" x14ac:dyDescent="0.15">
      <c r="F21" s="20"/>
    </row>
    <row r="22" spans="1:10" ht="21.75" customHeight="1" x14ac:dyDescent="0.15"/>
    <row r="23" spans="1:10" ht="21.75" customHeight="1" x14ac:dyDescent="0.15">
      <c r="A23" s="14"/>
      <c r="B23" s="13"/>
      <c r="C23" s="19"/>
      <c r="D23" s="19"/>
      <c r="E23" s="19"/>
    </row>
    <row r="24" spans="1:10" ht="21.75" customHeight="1" x14ac:dyDescent="0.15">
      <c r="A24" s="14"/>
      <c r="B24" s="13"/>
      <c r="C24" s="19"/>
      <c r="D24" s="19"/>
      <c r="E24" s="19"/>
    </row>
    <row r="25" spans="1:10" ht="21.75" customHeight="1" x14ac:dyDescent="0.15">
      <c r="A25" s="14" t="s">
        <v>10</v>
      </c>
      <c r="B25" s="13"/>
      <c r="C25" s="19"/>
      <c r="D25" s="19"/>
      <c r="E25" s="19"/>
    </row>
    <row r="26" spans="1:10" ht="21.75" customHeight="1" x14ac:dyDescent="0.15">
      <c r="A26" s="14"/>
      <c r="B26" s="13" t="s">
        <v>11</v>
      </c>
      <c r="C26" s="19"/>
      <c r="D26" s="19"/>
      <c r="E26" s="19"/>
    </row>
    <row r="27" spans="1:10" ht="21.75" customHeight="1" x14ac:dyDescent="0.15">
      <c r="B27" s="13" t="s">
        <v>12</v>
      </c>
      <c r="C27" s="21"/>
      <c r="D27" s="21"/>
    </row>
  </sheetData>
  <mergeCells count="9">
    <mergeCell ref="I1:J1"/>
    <mergeCell ref="I2:J2"/>
    <mergeCell ref="B3:I4"/>
    <mergeCell ref="B9:E9"/>
    <mergeCell ref="A17:J18"/>
    <mergeCell ref="G12:J12"/>
    <mergeCell ref="G13:I13"/>
    <mergeCell ref="G14:I14"/>
    <mergeCell ref="E11:F11"/>
  </mergeCells>
  <phoneticPr fontId="5"/>
  <printOptions horizontalCentered="1"/>
  <pageMargins left="0.51181102362204722" right="0.31496062992125984" top="0.94488188976377963" bottom="0.94488188976377963"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4"/>
  <sheetViews>
    <sheetView showGridLines="0" view="pageBreakPreview" zoomScaleNormal="100" zoomScaleSheetLayoutView="100" workbookViewId="0">
      <selection activeCell="P19" sqref="P19"/>
    </sheetView>
  </sheetViews>
  <sheetFormatPr defaultRowHeight="15" x14ac:dyDescent="0.15"/>
  <cols>
    <col min="1" max="1" width="3.625" style="6" customWidth="1"/>
    <col min="2" max="2" width="9" style="6"/>
    <col min="3" max="3" width="9.375" style="6" customWidth="1"/>
    <col min="4" max="4" width="9" style="6" customWidth="1"/>
    <col min="5" max="5" width="6.625" style="6" customWidth="1"/>
    <col min="6" max="6" width="9" style="6"/>
    <col min="7" max="8" width="9.375" style="6" customWidth="1"/>
    <col min="9" max="9" width="6.625" style="6" customWidth="1"/>
    <col min="10" max="10" width="9" style="6"/>
    <col min="11" max="11" width="10" style="6" customWidth="1"/>
    <col min="12" max="12" width="4" style="6" customWidth="1"/>
    <col min="13" max="16384" width="9" style="6"/>
  </cols>
  <sheetData>
    <row r="1" spans="1:12" ht="21.75" customHeight="1" x14ac:dyDescent="0.15">
      <c r="B1" s="6" t="s">
        <v>21</v>
      </c>
      <c r="K1" s="50"/>
      <c r="L1" s="50"/>
    </row>
    <row r="2" spans="1:12" ht="9" customHeight="1" x14ac:dyDescent="0.15">
      <c r="A2" s="13"/>
      <c r="B2" s="13"/>
      <c r="C2" s="13"/>
      <c r="D2" s="13"/>
      <c r="E2" s="13"/>
      <c r="F2" s="13"/>
      <c r="G2" s="13"/>
      <c r="H2" s="13"/>
      <c r="I2" s="18"/>
      <c r="J2" s="13"/>
      <c r="K2" s="22"/>
      <c r="L2" s="22"/>
    </row>
    <row r="3" spans="1:12" ht="21.75" customHeight="1" x14ac:dyDescent="0.15">
      <c r="A3" s="13"/>
      <c r="B3" s="52" t="s">
        <v>22</v>
      </c>
      <c r="C3" s="90"/>
      <c r="D3" s="90"/>
      <c r="E3" s="90"/>
      <c r="F3" s="90"/>
      <c r="G3" s="90"/>
      <c r="H3" s="90"/>
      <c r="I3" s="90"/>
      <c r="J3" s="90"/>
      <c r="K3" s="90"/>
      <c r="L3" s="13"/>
    </row>
    <row r="4" spans="1:12" ht="21.75" customHeight="1" x14ac:dyDescent="0.15">
      <c r="A4" s="13"/>
      <c r="B4" s="90"/>
      <c r="C4" s="90"/>
      <c r="D4" s="90"/>
      <c r="E4" s="90"/>
      <c r="F4" s="90"/>
      <c r="G4" s="90"/>
      <c r="H4" s="90"/>
      <c r="I4" s="90"/>
      <c r="J4" s="90"/>
      <c r="K4" s="90"/>
      <c r="L4" s="13"/>
    </row>
    <row r="5" spans="1:12" ht="15" customHeight="1" x14ac:dyDescent="0.15"/>
    <row r="6" spans="1:12" ht="21.75" customHeight="1" x14ac:dyDescent="0.15">
      <c r="G6" s="54" t="s">
        <v>23</v>
      </c>
      <c r="H6" s="58"/>
      <c r="I6" s="58"/>
      <c r="J6" s="58"/>
      <c r="K6" s="58"/>
    </row>
    <row r="7" spans="1:12" ht="14.25" customHeight="1" x14ac:dyDescent="0.15">
      <c r="A7" s="14"/>
      <c r="B7" s="94" t="s">
        <v>57</v>
      </c>
      <c r="C7" s="95"/>
      <c r="D7" s="98"/>
      <c r="E7" s="88"/>
      <c r="F7" s="88"/>
      <c r="G7" s="88"/>
      <c r="H7" s="88"/>
      <c r="I7" s="88"/>
      <c r="J7" s="88"/>
      <c r="K7" s="89"/>
    </row>
    <row r="8" spans="1:12" ht="40.5" customHeight="1" x14ac:dyDescent="0.15">
      <c r="A8" s="14"/>
      <c r="B8" s="96"/>
      <c r="C8" s="97"/>
      <c r="D8" s="44"/>
      <c r="E8" s="29"/>
      <c r="F8" s="29"/>
      <c r="G8" s="29"/>
      <c r="H8" s="29"/>
      <c r="I8" s="29"/>
      <c r="J8" s="29" t="s">
        <v>46</v>
      </c>
      <c r="K8" s="37"/>
    </row>
    <row r="9" spans="1:12" ht="33" customHeight="1" x14ac:dyDescent="0.15">
      <c r="A9" s="14"/>
      <c r="B9" s="91" t="s">
        <v>24</v>
      </c>
      <c r="C9" s="68"/>
      <c r="D9" s="91" t="s">
        <v>55</v>
      </c>
      <c r="E9" s="93"/>
      <c r="F9" s="93"/>
      <c r="G9" s="93"/>
      <c r="H9" s="93"/>
      <c r="I9" s="93"/>
      <c r="J9" s="92" t="s">
        <v>54</v>
      </c>
      <c r="K9" s="68"/>
    </row>
    <row r="10" spans="1:12" ht="17.25" customHeight="1" x14ac:dyDescent="0.15">
      <c r="A10" s="14"/>
      <c r="B10" s="67" t="s">
        <v>25</v>
      </c>
      <c r="C10" s="68"/>
      <c r="D10" s="39" t="s">
        <v>26</v>
      </c>
      <c r="E10" s="43"/>
      <c r="F10" s="34"/>
      <c r="G10" s="24"/>
      <c r="H10" s="40" t="s">
        <v>27</v>
      </c>
      <c r="I10" s="41"/>
      <c r="J10" s="34"/>
      <c r="K10" s="42"/>
    </row>
    <row r="11" spans="1:12" ht="33.75" customHeight="1" x14ac:dyDescent="0.15">
      <c r="A11" s="14"/>
      <c r="B11" s="69"/>
      <c r="C11" s="68"/>
      <c r="D11" s="99"/>
      <c r="E11" s="100"/>
      <c r="F11" s="100"/>
      <c r="G11" s="101"/>
      <c r="H11" s="102"/>
      <c r="I11" s="103"/>
      <c r="J11" s="103"/>
      <c r="K11" s="104"/>
    </row>
    <row r="12" spans="1:12" ht="30.75" customHeight="1" x14ac:dyDescent="0.15">
      <c r="A12" s="14"/>
      <c r="B12" s="70"/>
      <c r="C12" s="71"/>
      <c r="D12" s="79" t="s">
        <v>28</v>
      </c>
      <c r="E12" s="76"/>
      <c r="F12" s="76"/>
      <c r="G12" s="76"/>
      <c r="H12" s="76"/>
      <c r="I12" s="76"/>
      <c r="J12" s="76"/>
      <c r="K12" s="77"/>
    </row>
    <row r="13" spans="1:12" ht="21.75" customHeight="1" x14ac:dyDescent="0.15">
      <c r="A13" s="14"/>
      <c r="B13" s="70"/>
      <c r="C13" s="71"/>
      <c r="D13" s="105" t="s">
        <v>47</v>
      </c>
      <c r="E13" s="106"/>
      <c r="F13" s="106"/>
      <c r="G13" s="106"/>
      <c r="H13" s="107" t="s">
        <v>48</v>
      </c>
      <c r="I13" s="106"/>
      <c r="J13" s="106"/>
      <c r="K13" s="108"/>
    </row>
    <row r="14" spans="1:12" ht="6.75" customHeight="1" x14ac:dyDescent="0.15">
      <c r="A14" s="14"/>
      <c r="B14" s="67" t="s">
        <v>56</v>
      </c>
      <c r="C14" s="71"/>
      <c r="D14" s="27"/>
      <c r="E14" s="24"/>
      <c r="F14" s="24"/>
      <c r="G14" s="24"/>
      <c r="H14" s="34"/>
      <c r="I14" s="24"/>
      <c r="J14" s="24"/>
      <c r="K14" s="25"/>
    </row>
    <row r="15" spans="1:12" ht="22.5" customHeight="1" x14ac:dyDescent="0.15">
      <c r="A15" s="14"/>
      <c r="B15" s="70"/>
      <c r="C15" s="71"/>
      <c r="D15" s="79" t="s">
        <v>34</v>
      </c>
      <c r="E15" s="76"/>
      <c r="F15" s="76"/>
      <c r="G15" s="76"/>
      <c r="H15" s="76"/>
      <c r="I15" s="76"/>
      <c r="J15" s="76"/>
      <c r="K15" s="77"/>
    </row>
    <row r="16" spans="1:12" ht="22.5" customHeight="1" x14ac:dyDescent="0.15">
      <c r="A16" s="14"/>
      <c r="B16" s="70"/>
      <c r="C16" s="71"/>
      <c r="D16" s="79" t="s">
        <v>33</v>
      </c>
      <c r="E16" s="76"/>
      <c r="F16" s="76"/>
      <c r="G16" s="76"/>
      <c r="H16" s="80" t="s">
        <v>35</v>
      </c>
      <c r="I16" s="80"/>
      <c r="J16" s="76"/>
      <c r="K16" s="77"/>
    </row>
    <row r="17" spans="1:12" ht="22.5" customHeight="1" x14ac:dyDescent="0.15">
      <c r="A17" s="14"/>
      <c r="B17" s="70"/>
      <c r="C17" s="71"/>
      <c r="D17" s="79" t="s">
        <v>32</v>
      </c>
      <c r="E17" s="76"/>
      <c r="F17" s="76"/>
      <c r="G17" s="76"/>
      <c r="H17" s="76"/>
      <c r="I17" s="76"/>
      <c r="J17" s="76"/>
      <c r="K17" s="77"/>
    </row>
    <row r="18" spans="1:12" ht="22.5" customHeight="1" x14ac:dyDescent="0.15">
      <c r="A18" s="14"/>
      <c r="B18" s="70"/>
      <c r="C18" s="71"/>
      <c r="D18" s="79" t="s">
        <v>49</v>
      </c>
      <c r="E18" s="76"/>
      <c r="F18" s="76"/>
      <c r="G18" s="76"/>
      <c r="H18" s="76"/>
      <c r="I18" s="76"/>
      <c r="J18" s="76"/>
      <c r="K18" s="77"/>
    </row>
    <row r="19" spans="1:12" ht="22.5" customHeight="1" x14ac:dyDescent="0.15">
      <c r="A19" s="14"/>
      <c r="B19" s="70"/>
      <c r="C19" s="71"/>
      <c r="D19" s="79" t="s">
        <v>31</v>
      </c>
      <c r="E19" s="76"/>
      <c r="F19" s="76"/>
      <c r="G19" s="76"/>
      <c r="H19" s="80" t="s">
        <v>36</v>
      </c>
      <c r="I19" s="80"/>
      <c r="J19" s="76"/>
      <c r="K19" s="77"/>
    </row>
    <row r="20" spans="1:12" ht="22.5" customHeight="1" x14ac:dyDescent="0.15">
      <c r="A20" s="14"/>
      <c r="B20" s="70"/>
      <c r="C20" s="71"/>
      <c r="D20" s="79" t="s">
        <v>30</v>
      </c>
      <c r="E20" s="76"/>
      <c r="F20" s="76"/>
      <c r="G20" s="76"/>
      <c r="H20" s="80" t="s">
        <v>37</v>
      </c>
      <c r="I20" s="80"/>
      <c r="J20" s="76"/>
      <c r="K20" s="77"/>
    </row>
    <row r="21" spans="1:12" ht="22.5" customHeight="1" x14ac:dyDescent="0.15">
      <c r="A21" s="14"/>
      <c r="B21" s="70"/>
      <c r="C21" s="71"/>
      <c r="D21" s="79" t="s">
        <v>29</v>
      </c>
      <c r="E21" s="76"/>
      <c r="F21" s="76"/>
      <c r="G21" s="76"/>
      <c r="H21" s="80" t="s">
        <v>38</v>
      </c>
      <c r="I21" s="80"/>
      <c r="J21" s="76"/>
      <c r="K21" s="77"/>
    </row>
    <row r="22" spans="1:12" ht="22.5" customHeight="1" x14ac:dyDescent="0.15">
      <c r="A22" s="14"/>
      <c r="B22" s="70"/>
      <c r="C22" s="71"/>
      <c r="D22" s="79" t="s">
        <v>39</v>
      </c>
      <c r="E22" s="76"/>
      <c r="F22" s="76"/>
      <c r="G22" s="76"/>
      <c r="H22" s="80" t="s">
        <v>50</v>
      </c>
      <c r="I22" s="80"/>
      <c r="J22" s="76"/>
      <c r="K22" s="77"/>
      <c r="L22" s="28"/>
    </row>
    <row r="23" spans="1:12" ht="6.75" customHeight="1" x14ac:dyDescent="0.15">
      <c r="A23" s="14"/>
      <c r="B23" s="70"/>
      <c r="C23" s="71"/>
      <c r="D23" s="35"/>
      <c r="E23" s="26"/>
      <c r="F23" s="26"/>
      <c r="G23" s="26"/>
      <c r="H23" s="36"/>
      <c r="I23" s="26"/>
      <c r="J23" s="26"/>
      <c r="K23" s="11"/>
    </row>
    <row r="24" spans="1:12" ht="34.5" customHeight="1" x14ac:dyDescent="0.15">
      <c r="A24" s="14"/>
      <c r="B24" s="81" t="s">
        <v>40</v>
      </c>
      <c r="C24" s="68"/>
      <c r="D24" s="82" t="s">
        <v>41</v>
      </c>
      <c r="E24" s="78"/>
      <c r="F24" s="78"/>
      <c r="G24" s="78"/>
      <c r="H24" s="78"/>
      <c r="I24" s="78"/>
      <c r="J24" s="78"/>
      <c r="K24" s="71"/>
      <c r="L24" s="13"/>
    </row>
    <row r="25" spans="1:12" ht="24" customHeight="1" x14ac:dyDescent="0.15">
      <c r="A25" s="14"/>
      <c r="B25" s="62" t="s">
        <v>53</v>
      </c>
      <c r="C25" s="63"/>
      <c r="D25" s="87" t="s">
        <v>61</v>
      </c>
      <c r="E25" s="88"/>
      <c r="F25" s="88"/>
      <c r="G25" s="88"/>
      <c r="H25" s="88"/>
      <c r="I25" s="88"/>
      <c r="J25" s="88"/>
      <c r="K25" s="89"/>
      <c r="L25" s="13"/>
    </row>
    <row r="26" spans="1:12" ht="24" customHeight="1" x14ac:dyDescent="0.15">
      <c r="A26" s="14"/>
      <c r="B26" s="64"/>
      <c r="C26" s="63"/>
      <c r="D26" s="38" t="s">
        <v>62</v>
      </c>
      <c r="E26" s="5"/>
      <c r="F26" s="86"/>
      <c r="G26" s="76"/>
      <c r="H26" s="76"/>
      <c r="I26" s="76"/>
      <c r="J26" s="76"/>
      <c r="K26" s="77"/>
    </row>
    <row r="27" spans="1:12" s="4" customFormat="1" ht="31.5" customHeight="1" x14ac:dyDescent="0.15">
      <c r="A27" s="33"/>
      <c r="B27" s="64"/>
      <c r="C27" s="63"/>
      <c r="D27" s="83" t="s">
        <v>42</v>
      </c>
      <c r="E27" s="84"/>
      <c r="F27" s="84"/>
      <c r="G27" s="84"/>
      <c r="H27" s="84"/>
      <c r="I27" s="84"/>
      <c r="J27" s="84"/>
      <c r="K27" s="85"/>
    </row>
    <row r="28" spans="1:12" ht="38.25" customHeight="1" x14ac:dyDescent="0.15">
      <c r="A28" s="14"/>
      <c r="B28" s="65" t="s">
        <v>52</v>
      </c>
      <c r="C28" s="66"/>
      <c r="D28" s="75" t="s">
        <v>58</v>
      </c>
      <c r="E28" s="76"/>
      <c r="F28" s="76"/>
      <c r="G28" s="76"/>
      <c r="H28" s="76"/>
      <c r="I28" s="76"/>
      <c r="J28" s="76"/>
      <c r="K28" s="77"/>
    </row>
    <row r="29" spans="1:12" ht="46.5" customHeight="1" x14ac:dyDescent="0.15">
      <c r="A29" s="14"/>
      <c r="B29" s="65"/>
      <c r="C29" s="66"/>
      <c r="D29" s="75" t="s">
        <v>59</v>
      </c>
      <c r="E29" s="76"/>
      <c r="F29" s="76"/>
      <c r="G29" s="76"/>
      <c r="H29" s="76"/>
      <c r="I29" s="76"/>
      <c r="J29" s="76"/>
      <c r="K29" s="77"/>
    </row>
    <row r="30" spans="1:12" ht="38.25" customHeight="1" x14ac:dyDescent="0.15">
      <c r="A30" s="14"/>
      <c r="B30" s="65"/>
      <c r="C30" s="66"/>
      <c r="D30" s="75" t="s">
        <v>60</v>
      </c>
      <c r="E30" s="76"/>
      <c r="F30" s="76"/>
      <c r="G30" s="76"/>
      <c r="H30" s="76"/>
      <c r="I30" s="76"/>
      <c r="J30" s="76"/>
      <c r="K30" s="77"/>
    </row>
    <row r="31" spans="1:12" ht="39.75" customHeight="1" x14ac:dyDescent="0.15">
      <c r="B31" s="62" t="s">
        <v>43</v>
      </c>
      <c r="C31" s="63"/>
      <c r="D31" s="70"/>
      <c r="E31" s="78"/>
      <c r="F31" s="78"/>
      <c r="G31" s="78"/>
      <c r="H31" s="78"/>
      <c r="I31" s="78"/>
      <c r="J31" s="78"/>
      <c r="K31" s="71"/>
    </row>
    <row r="32" spans="1:12" ht="39.75" customHeight="1" x14ac:dyDescent="0.15">
      <c r="B32" s="62" t="s">
        <v>44</v>
      </c>
      <c r="C32" s="63"/>
      <c r="D32" s="72" t="s">
        <v>45</v>
      </c>
      <c r="E32" s="73"/>
      <c r="F32" s="73"/>
      <c r="G32" s="73"/>
      <c r="H32" s="73"/>
      <c r="I32" s="73"/>
      <c r="J32" s="73"/>
      <c r="K32" s="74"/>
    </row>
    <row r="33" spans="2:11" ht="9" customHeight="1" x14ac:dyDescent="0.15">
      <c r="B33" s="30"/>
      <c r="C33" s="23"/>
      <c r="D33" s="31"/>
      <c r="E33" s="32"/>
      <c r="F33" s="32"/>
      <c r="G33" s="32"/>
      <c r="H33" s="32"/>
      <c r="I33" s="32"/>
      <c r="J33" s="32"/>
      <c r="K33" s="32"/>
    </row>
    <row r="34" spans="2:11" ht="46.5" customHeight="1" x14ac:dyDescent="0.15">
      <c r="B34" s="59" t="s">
        <v>51</v>
      </c>
      <c r="C34" s="60"/>
      <c r="D34" s="60"/>
      <c r="E34" s="60"/>
      <c r="F34" s="60"/>
      <c r="G34" s="60"/>
      <c r="H34" s="60"/>
      <c r="I34" s="60"/>
      <c r="J34" s="60"/>
      <c r="K34" s="61"/>
    </row>
  </sheetData>
  <mergeCells count="43">
    <mergeCell ref="H16:K16"/>
    <mergeCell ref="D16:G16"/>
    <mergeCell ref="K1:L1"/>
    <mergeCell ref="B3:K4"/>
    <mergeCell ref="G6:K6"/>
    <mergeCell ref="B9:C9"/>
    <mergeCell ref="J9:K9"/>
    <mergeCell ref="D9:I9"/>
    <mergeCell ref="B7:C8"/>
    <mergeCell ref="D7:K7"/>
    <mergeCell ref="D12:K12"/>
    <mergeCell ref="D11:G11"/>
    <mergeCell ref="H11:K11"/>
    <mergeCell ref="D13:G13"/>
    <mergeCell ref="H13:K13"/>
    <mergeCell ref="D29:K29"/>
    <mergeCell ref="B24:C24"/>
    <mergeCell ref="D24:K24"/>
    <mergeCell ref="D27:K27"/>
    <mergeCell ref="F26:K26"/>
    <mergeCell ref="D28:K28"/>
    <mergeCell ref="D25:K25"/>
    <mergeCell ref="D21:G21"/>
    <mergeCell ref="D22:G22"/>
    <mergeCell ref="H20:K20"/>
    <mergeCell ref="H21:K21"/>
    <mergeCell ref="H22:K22"/>
    <mergeCell ref="B34:K34"/>
    <mergeCell ref="B25:C27"/>
    <mergeCell ref="B28:C30"/>
    <mergeCell ref="B10:C13"/>
    <mergeCell ref="B14:C23"/>
    <mergeCell ref="B32:C32"/>
    <mergeCell ref="D32:K32"/>
    <mergeCell ref="D30:K30"/>
    <mergeCell ref="B31:C31"/>
    <mergeCell ref="D31:K31"/>
    <mergeCell ref="D17:K17"/>
    <mergeCell ref="D18:K18"/>
    <mergeCell ref="H19:K19"/>
    <mergeCell ref="D19:G19"/>
    <mergeCell ref="D20:G20"/>
    <mergeCell ref="D15:K15"/>
  </mergeCells>
  <phoneticPr fontId="5"/>
  <printOptions horizontalCentered="1"/>
  <pageMargins left="0.70866141732283472" right="0.51181102362204722" top="0.94488188976377963" bottom="0.94488188976377963" header="0.31496062992125984" footer="0.31496062992125984"/>
  <pageSetup paperSize="9" scale="86"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5"/>
  <sheetViews>
    <sheetView showGridLines="0" view="pageBreakPreview" zoomScaleNormal="100" zoomScaleSheetLayoutView="100" workbookViewId="0">
      <selection activeCell="M17" sqref="M17"/>
    </sheetView>
  </sheetViews>
  <sheetFormatPr defaultRowHeight="15" x14ac:dyDescent="0.15"/>
  <cols>
    <col min="1" max="1" width="3.625" style="6" customWidth="1"/>
    <col min="2" max="2" width="9" style="6"/>
    <col min="3" max="3" width="9.375" style="6" customWidth="1"/>
    <col min="4" max="4" width="9" style="6" customWidth="1"/>
    <col min="5" max="5" width="6.625" style="6" customWidth="1"/>
    <col min="6" max="6" width="9" style="6"/>
    <col min="7" max="8" width="9.375" style="6" customWidth="1"/>
    <col min="9" max="9" width="9" style="6"/>
    <col min="10" max="10" width="13.125" style="6" customWidth="1"/>
    <col min="11" max="11" width="4" style="6" customWidth="1"/>
    <col min="12" max="16384" width="9" style="6"/>
  </cols>
  <sheetData>
    <row r="1" spans="1:11" ht="21.75" customHeight="1" x14ac:dyDescent="0.15">
      <c r="B1" s="6" t="s">
        <v>14</v>
      </c>
      <c r="J1" s="50"/>
      <c r="K1" s="50"/>
    </row>
    <row r="2" spans="1:11" ht="21.75" customHeight="1" x14ac:dyDescent="0.15">
      <c r="A2" s="13"/>
      <c r="B2" s="13"/>
      <c r="C2" s="13"/>
      <c r="D2" s="13"/>
      <c r="E2" s="13"/>
      <c r="F2" s="13"/>
      <c r="G2" s="13"/>
      <c r="H2" s="13"/>
      <c r="I2" s="13"/>
      <c r="J2" s="22"/>
      <c r="K2" s="22"/>
    </row>
    <row r="3" spans="1:11" ht="21.75" customHeight="1" x14ac:dyDescent="0.15">
      <c r="A3" s="13"/>
      <c r="B3" s="52" t="s">
        <v>15</v>
      </c>
      <c r="C3" s="90"/>
      <c r="D3" s="90"/>
      <c r="E3" s="90"/>
      <c r="F3" s="90"/>
      <c r="G3" s="90"/>
      <c r="H3" s="90"/>
      <c r="I3" s="90"/>
      <c r="J3" s="90"/>
      <c r="K3" s="13"/>
    </row>
    <row r="4" spans="1:11" ht="21.75" customHeight="1" x14ac:dyDescent="0.15">
      <c r="A4" s="13"/>
      <c r="B4" s="90"/>
      <c r="C4" s="90"/>
      <c r="D4" s="90"/>
      <c r="E4" s="90"/>
      <c r="F4" s="90"/>
      <c r="G4" s="90"/>
      <c r="H4" s="90"/>
      <c r="I4" s="90"/>
      <c r="J4" s="90"/>
      <c r="K4" s="13"/>
    </row>
    <row r="5" spans="1:11" ht="21.75" customHeight="1" x14ac:dyDescent="0.15"/>
    <row r="6" spans="1:11" ht="21.75" customHeight="1" x14ac:dyDescent="0.15">
      <c r="H6" s="6" t="s">
        <v>6</v>
      </c>
    </row>
    <row r="8" spans="1:11" ht="21.75" customHeight="1" x14ac:dyDescent="0.15">
      <c r="A8" s="14"/>
      <c r="B8" s="16" t="s">
        <v>17</v>
      </c>
      <c r="C8" s="17"/>
      <c r="D8" s="16"/>
      <c r="E8" s="16"/>
      <c r="F8" s="16"/>
      <c r="G8" s="17"/>
      <c r="H8" s="17"/>
    </row>
    <row r="9" spans="1:11" ht="21.75" customHeight="1" x14ac:dyDescent="0.15">
      <c r="A9" s="14"/>
      <c r="B9" s="14"/>
      <c r="C9" s="17"/>
      <c r="D9" s="55"/>
      <c r="E9" s="55"/>
      <c r="F9" s="55"/>
      <c r="G9" s="17"/>
      <c r="H9" s="17"/>
    </row>
    <row r="10" spans="1:11" ht="21.75" customHeight="1" x14ac:dyDescent="0.15">
      <c r="A10" s="14"/>
      <c r="B10" s="16"/>
      <c r="C10" s="17"/>
      <c r="D10" s="16"/>
      <c r="E10" s="16"/>
      <c r="F10" s="16"/>
      <c r="G10" s="17"/>
      <c r="H10" s="17"/>
    </row>
    <row r="11" spans="1:11" ht="21.75" customHeight="1" x14ac:dyDescent="0.15">
      <c r="A11" s="14"/>
      <c r="B11" s="54"/>
      <c r="C11" s="58"/>
      <c r="D11" s="19"/>
      <c r="E11" s="19"/>
      <c r="F11" s="54" t="s">
        <v>13</v>
      </c>
      <c r="G11" s="58"/>
    </row>
    <row r="12" spans="1:11" ht="21.75" customHeight="1" x14ac:dyDescent="0.15">
      <c r="A12" s="14"/>
      <c r="B12" s="19"/>
      <c r="C12" s="12"/>
      <c r="D12" s="19"/>
      <c r="E12" s="19"/>
      <c r="F12" s="19"/>
      <c r="G12" s="12" t="s">
        <v>2</v>
      </c>
      <c r="H12" s="54"/>
      <c r="I12" s="55"/>
      <c r="J12" s="55"/>
      <c r="K12" s="55"/>
    </row>
    <row r="13" spans="1:11" ht="21.75" customHeight="1" x14ac:dyDescent="0.15">
      <c r="A13" s="14"/>
      <c r="B13" s="19"/>
      <c r="C13" s="12"/>
      <c r="D13" s="19"/>
      <c r="E13" s="19"/>
      <c r="F13" s="19"/>
      <c r="G13" s="12" t="s">
        <v>3</v>
      </c>
      <c r="H13" s="54"/>
      <c r="I13" s="55"/>
      <c r="J13" s="55"/>
      <c r="K13" s="6" t="s">
        <v>9</v>
      </c>
    </row>
    <row r="14" spans="1:11" ht="21.75" customHeight="1" x14ac:dyDescent="0.15">
      <c r="A14" s="14"/>
      <c r="B14" s="19"/>
      <c r="C14" s="10"/>
      <c r="D14" s="19"/>
      <c r="E14" s="19"/>
      <c r="F14" s="19"/>
      <c r="G14" s="10" t="s">
        <v>4</v>
      </c>
      <c r="H14" s="54"/>
      <c r="I14" s="55"/>
      <c r="J14" s="55"/>
    </row>
    <row r="15" spans="1:11" ht="21.75" customHeight="1" x14ac:dyDescent="0.15">
      <c r="A15" s="14"/>
      <c r="B15" s="19"/>
      <c r="D15" s="19"/>
      <c r="E15" s="19"/>
      <c r="F15" s="19"/>
    </row>
    <row r="16" spans="1:11" ht="21.75" customHeight="1" x14ac:dyDescent="0.15">
      <c r="A16" s="14"/>
      <c r="B16" s="19"/>
      <c r="D16" s="19"/>
      <c r="E16" s="19"/>
      <c r="F16" s="19"/>
    </row>
    <row r="17" spans="1:11" ht="104.25" customHeight="1" x14ac:dyDescent="0.15">
      <c r="A17" s="56" t="s">
        <v>16</v>
      </c>
      <c r="B17" s="56"/>
      <c r="C17" s="56"/>
      <c r="D17" s="56"/>
      <c r="E17" s="56"/>
      <c r="F17" s="56"/>
      <c r="G17" s="56"/>
      <c r="H17" s="56"/>
      <c r="I17" s="56"/>
      <c r="J17" s="56"/>
      <c r="K17" s="56"/>
    </row>
    <row r="18" spans="1:11" ht="21.75" customHeight="1" x14ac:dyDescent="0.15">
      <c r="A18" s="14"/>
      <c r="B18" s="19"/>
      <c r="D18" s="19"/>
      <c r="E18" s="19"/>
      <c r="F18" s="19"/>
    </row>
    <row r="19" spans="1:11" ht="21.75" customHeight="1" x14ac:dyDescent="0.15">
      <c r="A19" s="14"/>
      <c r="B19" s="19"/>
      <c r="D19" s="19"/>
      <c r="E19" s="19"/>
      <c r="F19" s="19"/>
    </row>
    <row r="20" spans="1:11" ht="21.75" customHeight="1" x14ac:dyDescent="0.15">
      <c r="B20" s="109" t="s">
        <v>18</v>
      </c>
      <c r="C20" s="88"/>
      <c r="D20" s="88"/>
      <c r="E20" s="89"/>
      <c r="F20" s="111" t="s">
        <v>20</v>
      </c>
      <c r="G20" s="112"/>
      <c r="H20" s="112"/>
      <c r="I20" s="112"/>
      <c r="J20" s="95"/>
    </row>
    <row r="21" spans="1:11" ht="21.75" customHeight="1" x14ac:dyDescent="0.15">
      <c r="B21" s="110"/>
      <c r="C21" s="106"/>
      <c r="D21" s="106"/>
      <c r="E21" s="108"/>
      <c r="F21" s="96"/>
      <c r="G21" s="113"/>
      <c r="H21" s="113"/>
      <c r="I21" s="113"/>
      <c r="J21" s="97"/>
    </row>
    <row r="22" spans="1:11" ht="21.75" customHeight="1" x14ac:dyDescent="0.15">
      <c r="A22" s="14"/>
      <c r="B22" s="87" t="s">
        <v>19</v>
      </c>
      <c r="C22" s="88"/>
      <c r="D22" s="88"/>
      <c r="E22" s="89"/>
      <c r="F22" s="111" t="s">
        <v>20</v>
      </c>
      <c r="G22" s="112"/>
      <c r="H22" s="112"/>
      <c r="I22" s="112"/>
      <c r="J22" s="95"/>
    </row>
    <row r="23" spans="1:11" ht="21.75" customHeight="1" x14ac:dyDescent="0.15">
      <c r="A23" s="14"/>
      <c r="B23" s="110"/>
      <c r="C23" s="106"/>
      <c r="D23" s="106"/>
      <c r="E23" s="108"/>
      <c r="F23" s="96"/>
      <c r="G23" s="113"/>
      <c r="H23" s="113"/>
      <c r="I23" s="113"/>
      <c r="J23" s="97"/>
    </row>
    <row r="24" spans="1:11" ht="21.75" customHeight="1" x14ac:dyDescent="0.15">
      <c r="A24" s="14"/>
      <c r="B24" s="19"/>
      <c r="D24" s="19"/>
      <c r="E24" s="19"/>
      <c r="F24" s="19"/>
    </row>
    <row r="25" spans="1:11" ht="21.75" customHeight="1" x14ac:dyDescent="0.15">
      <c r="D25" s="21"/>
      <c r="E25" s="21"/>
    </row>
  </sheetData>
  <mergeCells count="13">
    <mergeCell ref="B22:E23"/>
    <mergeCell ref="F20:J21"/>
    <mergeCell ref="F22:J23"/>
    <mergeCell ref="H13:J13"/>
    <mergeCell ref="H14:J14"/>
    <mergeCell ref="A17:K17"/>
    <mergeCell ref="B11:C11"/>
    <mergeCell ref="B3:J4"/>
    <mergeCell ref="B20:E21"/>
    <mergeCell ref="J1:K1"/>
    <mergeCell ref="D9:F9"/>
    <mergeCell ref="F11:G11"/>
    <mergeCell ref="H12:K12"/>
  </mergeCells>
  <phoneticPr fontId="5"/>
  <printOptions horizontalCentered="1"/>
  <pageMargins left="0.70866141732283472" right="0.51181102362204722" top="0.94488188976377963" bottom="0.94488188976377963" header="0.31496062992125984" footer="0.31496062992125984"/>
  <pageSetup paperSize="9" scale="9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実地研修修了後の申請書類について</vt:lpstr>
      <vt:lpstr>別紙様式１</vt:lpstr>
      <vt:lpstr>別紙様式２</vt:lpstr>
      <vt:lpstr>別紙様式３</vt:lpstr>
      <vt:lpstr>実地研修修了後の申請書類について!Print_Area</vt:lpstr>
      <vt:lpstr>別紙様式１!Print_Area</vt:lpstr>
      <vt:lpstr>別紙様式２!Print_Area</vt:lpstr>
      <vt:lpstr>別紙様式３!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itapref</dc:creator>
  <cp:lastModifiedBy>oitapref</cp:lastModifiedBy>
  <cp:lastPrinted>2023-02-13T02:00:02Z</cp:lastPrinted>
  <dcterms:created xsi:type="dcterms:W3CDTF">2017-09-25T06:55:09Z</dcterms:created>
  <dcterms:modified xsi:type="dcterms:W3CDTF">2023-02-13T02:00:17Z</dcterms:modified>
</cp:coreProperties>
</file>